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kfs01\s1507\02_地域包括ケアグループ\03地域包括ケアＧ（事業）\10_小児等在宅医療連携拠点事業\R04\08_市町村相談窓口関係\04_作業場\"/>
    </mc:Choice>
  </mc:AlternateContent>
  <bookViews>
    <workbookView xWindow="0" yWindow="0" windowWidth="23040" windowHeight="8784"/>
  </bookViews>
  <sheets>
    <sheet name="全体版" sheetId="1" r:id="rId1"/>
  </sheets>
  <definedNames>
    <definedName name="_xlnm.Print_Area" localSheetId="0">全体版!$A:$I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568" i="1" l="1"/>
  <c r="A567" i="1"/>
  <c r="A566" i="1"/>
  <c r="A564" i="1"/>
  <c r="A563" i="1"/>
  <c r="A423" i="1"/>
  <c r="A422" i="1"/>
  <c r="A421" i="1"/>
  <c r="A419" i="1"/>
  <c r="A418" i="1"/>
  <c r="A409" i="1"/>
  <c r="A408" i="1"/>
  <c r="A407" i="1"/>
  <c r="A405" i="1"/>
  <c r="A404" i="1"/>
  <c r="A400" i="1"/>
  <c r="A399" i="1"/>
  <c r="A398" i="1"/>
  <c r="A396" i="1"/>
  <c r="A395" i="1"/>
  <c r="A1026" i="1" l="1"/>
  <c r="A1027" i="1"/>
  <c r="A1029" i="1"/>
  <c r="A1030" i="1"/>
  <c r="A1031" i="1"/>
  <c r="A686" i="1"/>
  <c r="A685" i="1"/>
  <c r="A684" i="1"/>
  <c r="A682" i="1"/>
  <c r="A681" i="1"/>
  <c r="A668" i="1"/>
  <c r="A667" i="1"/>
  <c r="A666" i="1"/>
  <c r="A664" i="1"/>
  <c r="A663" i="1"/>
  <c r="A659" i="1"/>
  <c r="A658" i="1"/>
  <c r="A657" i="1"/>
  <c r="A655" i="1"/>
  <c r="A654" i="1"/>
  <c r="A276" i="1"/>
  <c r="A275" i="1"/>
  <c r="A274" i="1"/>
  <c r="A272" i="1"/>
  <c r="A271" i="1"/>
  <c r="A267" i="1"/>
  <c r="A266" i="1"/>
  <c r="A265" i="1"/>
  <c r="A263" i="1"/>
  <c r="A262" i="1"/>
  <c r="A258" i="1"/>
  <c r="A257" i="1"/>
  <c r="A256" i="1"/>
  <c r="A254" i="1"/>
  <c r="A253" i="1"/>
  <c r="A249" i="1"/>
  <c r="A247" i="1"/>
  <c r="A246" i="1"/>
  <c r="A244" i="1"/>
  <c r="A241" i="1"/>
  <c r="A1521" i="1" l="1"/>
  <c r="A1520" i="1"/>
  <c r="A1519" i="1"/>
  <c r="A1517" i="1"/>
  <c r="A1516" i="1"/>
  <c r="A740" i="1"/>
  <c r="A741" i="1"/>
  <c r="A743" i="1"/>
  <c r="A744" i="1"/>
  <c r="A745" i="1"/>
  <c r="A2179" i="1" l="1"/>
  <c r="A2178" i="1"/>
  <c r="A2177" i="1"/>
  <c r="A2175" i="1"/>
  <c r="A2174" i="1"/>
  <c r="A2170" i="1"/>
  <c r="A2169" i="1"/>
  <c r="A2168" i="1"/>
  <c r="A2166" i="1"/>
  <c r="A2165" i="1"/>
  <c r="A2161" i="1"/>
  <c r="A2160" i="1"/>
  <c r="A2159" i="1"/>
  <c r="A2157" i="1"/>
  <c r="A2156" i="1"/>
  <c r="A2152" i="1"/>
  <c r="A2151" i="1"/>
  <c r="A2150" i="1"/>
  <c r="A2148" i="1"/>
  <c r="A2147" i="1"/>
  <c r="A2143" i="1"/>
  <c r="A2142" i="1"/>
  <c r="A2141" i="1"/>
  <c r="A2139" i="1"/>
  <c r="A2138" i="1"/>
  <c r="A2134" i="1"/>
  <c r="A2133" i="1"/>
  <c r="A2132" i="1"/>
  <c r="A2130" i="1"/>
  <c r="A2129" i="1"/>
  <c r="A2120" i="1"/>
  <c r="A2119" i="1"/>
  <c r="A2118" i="1"/>
  <c r="A2116" i="1"/>
  <c r="A2115" i="1"/>
  <c r="A2111" i="1"/>
  <c r="A2110" i="1"/>
  <c r="A2109" i="1"/>
  <c r="A2107" i="1"/>
  <c r="A2106" i="1"/>
  <c r="A2102" i="1"/>
  <c r="A2101" i="1"/>
  <c r="A2100" i="1"/>
  <c r="A2098" i="1"/>
  <c r="A2097" i="1"/>
  <c r="A2093" i="1"/>
  <c r="A2092" i="1"/>
  <c r="A2091" i="1"/>
  <c r="A2089" i="1"/>
  <c r="A2088" i="1"/>
  <c r="A2084" i="1"/>
  <c r="A2083" i="1"/>
  <c r="A2082" i="1"/>
  <c r="A2080" i="1"/>
  <c r="A2079" i="1"/>
  <c r="A2075" i="1"/>
  <c r="A2074" i="1"/>
  <c r="A2073" i="1"/>
  <c r="A2071" i="1"/>
  <c r="A2070" i="1"/>
  <c r="A2061" i="1"/>
  <c r="A2060" i="1"/>
  <c r="A2059" i="1"/>
  <c r="A2057" i="1"/>
  <c r="A2056" i="1"/>
  <c r="A2052" i="1"/>
  <c r="A2051" i="1"/>
  <c r="A2050" i="1"/>
  <c r="A2048" i="1"/>
  <c r="A2047" i="1"/>
  <c r="A2043" i="1"/>
  <c r="A2042" i="1"/>
  <c r="A2041" i="1"/>
  <c r="A2039" i="1"/>
  <c r="A2038" i="1"/>
  <c r="A2034" i="1"/>
  <c r="A2033" i="1"/>
  <c r="A2032" i="1"/>
  <c r="A2030" i="1"/>
  <c r="A2029" i="1"/>
  <c r="A2025" i="1"/>
  <c r="A2024" i="1"/>
  <c r="A2023" i="1"/>
  <c r="A2021" i="1"/>
  <c r="A2020" i="1"/>
  <c r="A2016" i="1"/>
  <c r="A2015" i="1"/>
  <c r="A2014" i="1"/>
  <c r="A2012" i="1"/>
  <c r="A2011" i="1"/>
  <c r="A2002" i="1"/>
  <c r="A2001" i="1"/>
  <c r="A2000" i="1"/>
  <c r="A1998" i="1"/>
  <c r="A1997" i="1"/>
  <c r="A1993" i="1"/>
  <c r="A1992" i="1"/>
  <c r="A1991" i="1"/>
  <c r="A1989" i="1"/>
  <c r="A1988" i="1"/>
  <c r="A1984" i="1"/>
  <c r="A1983" i="1"/>
  <c r="A1982" i="1"/>
  <c r="A1980" i="1"/>
  <c r="A1979" i="1"/>
  <c r="A1975" i="1"/>
  <c r="A1974" i="1"/>
  <c r="A1973" i="1"/>
  <c r="A1971" i="1"/>
  <c r="A1970" i="1"/>
  <c r="A1966" i="1"/>
  <c r="A1965" i="1"/>
  <c r="A1964" i="1"/>
  <c r="A1962" i="1"/>
  <c r="A1961" i="1"/>
  <c r="A1957" i="1"/>
  <c r="A1956" i="1"/>
  <c r="A1955" i="1"/>
  <c r="A1953" i="1"/>
  <c r="A1952" i="1"/>
  <c r="A1943" i="1"/>
  <c r="A1942" i="1"/>
  <c r="A1941" i="1"/>
  <c r="A1939" i="1"/>
  <c r="A1938" i="1"/>
  <c r="A1934" i="1"/>
  <c r="A1933" i="1"/>
  <c r="A1932" i="1"/>
  <c r="A1930" i="1"/>
  <c r="A1929" i="1"/>
  <c r="A1925" i="1"/>
  <c r="A1924" i="1"/>
  <c r="A1923" i="1"/>
  <c r="A1921" i="1"/>
  <c r="A1920" i="1"/>
  <c r="A1916" i="1"/>
  <c r="A1915" i="1"/>
  <c r="A1914" i="1"/>
  <c r="A1912" i="1"/>
  <c r="A1911" i="1"/>
  <c r="A1907" i="1"/>
  <c r="A1906" i="1"/>
  <c r="A1905" i="1"/>
  <c r="A1903" i="1"/>
  <c r="A1902" i="1"/>
  <c r="A1898" i="1"/>
  <c r="A1897" i="1"/>
  <c r="A1896" i="1"/>
  <c r="A1894" i="1"/>
  <c r="A1893" i="1"/>
  <c r="A1884" i="1"/>
  <c r="A1883" i="1"/>
  <c r="A1882" i="1"/>
  <c r="A1880" i="1"/>
  <c r="A1879" i="1"/>
  <c r="A1875" i="1"/>
  <c r="A1874" i="1"/>
  <c r="A1873" i="1"/>
  <c r="A1871" i="1"/>
  <c r="A1870" i="1"/>
  <c r="A1866" i="1"/>
  <c r="A1865" i="1"/>
  <c r="A1864" i="1"/>
  <c r="A1862" i="1"/>
  <c r="A1861" i="1"/>
  <c r="A1857" i="1"/>
  <c r="A1856" i="1"/>
  <c r="A1855" i="1"/>
  <c r="A1853" i="1"/>
  <c r="A1852" i="1"/>
  <c r="A1848" i="1"/>
  <c r="A1847" i="1"/>
  <c r="A1846" i="1"/>
  <c r="A1844" i="1"/>
  <c r="A1843" i="1"/>
  <c r="A1839" i="1"/>
  <c r="A1838" i="1"/>
  <c r="A1837" i="1"/>
  <c r="A1835" i="1"/>
  <c r="A1834" i="1"/>
  <c r="A1825" i="1"/>
  <c r="A1824" i="1"/>
  <c r="A1823" i="1"/>
  <c r="A1821" i="1"/>
  <c r="A1820" i="1"/>
  <c r="A1816" i="1"/>
  <c r="A1815" i="1"/>
  <c r="A1814" i="1"/>
  <c r="A1812" i="1"/>
  <c r="A1811" i="1"/>
  <c r="A1807" i="1"/>
  <c r="A1806" i="1"/>
  <c r="A1805" i="1"/>
  <c r="A1803" i="1"/>
  <c r="A1802" i="1"/>
  <c r="A1798" i="1"/>
  <c r="A1797" i="1"/>
  <c r="A1796" i="1"/>
  <c r="A1794" i="1"/>
  <c r="A1793" i="1"/>
  <c r="A1789" i="1"/>
  <c r="A1788" i="1"/>
  <c r="A1787" i="1"/>
  <c r="A1785" i="1"/>
  <c r="A1784" i="1"/>
  <c r="A1780" i="1"/>
  <c r="A1779" i="1"/>
  <c r="A1778" i="1"/>
  <c r="A1776" i="1"/>
  <c r="A1775" i="1"/>
  <c r="A1766" i="1"/>
  <c r="A1765" i="1"/>
  <c r="A1764" i="1"/>
  <c r="A1762" i="1"/>
  <c r="A1761" i="1"/>
  <c r="A1757" i="1"/>
  <c r="A1756" i="1"/>
  <c r="A1755" i="1"/>
  <c r="A1753" i="1"/>
  <c r="A1752" i="1"/>
  <c r="A1748" i="1"/>
  <c r="A1747" i="1"/>
  <c r="A1746" i="1"/>
  <c r="A1744" i="1"/>
  <c r="A1743" i="1"/>
  <c r="A1739" i="1"/>
  <c r="A1738" i="1"/>
  <c r="A1737" i="1"/>
  <c r="A1735" i="1"/>
  <c r="A1734" i="1"/>
  <c r="A1730" i="1"/>
  <c r="A1729" i="1"/>
  <c r="A1728" i="1"/>
  <c r="A1726" i="1"/>
  <c r="A1725" i="1"/>
  <c r="A1721" i="1"/>
  <c r="A1720" i="1"/>
  <c r="A1719" i="1"/>
  <c r="A1717" i="1"/>
  <c r="A1716" i="1"/>
  <c r="A1707" i="1"/>
  <c r="A1706" i="1"/>
  <c r="A1705" i="1"/>
  <c r="A1703" i="1"/>
  <c r="A1702" i="1"/>
  <c r="A1698" i="1"/>
  <c r="A1697" i="1"/>
  <c r="A1696" i="1"/>
  <c r="A1694" i="1"/>
  <c r="A1693" i="1"/>
  <c r="A1689" i="1"/>
  <c r="A1688" i="1"/>
  <c r="A1687" i="1"/>
  <c r="A1685" i="1"/>
  <c r="A1684" i="1"/>
  <c r="A1680" i="1"/>
  <c r="A1679" i="1"/>
  <c r="A1678" i="1"/>
  <c r="A1676" i="1"/>
  <c r="A1675" i="1"/>
  <c r="A1671" i="1"/>
  <c r="A1670" i="1"/>
  <c r="A1669" i="1"/>
  <c r="A1667" i="1"/>
  <c r="A1666" i="1"/>
  <c r="A1662" i="1"/>
  <c r="A1661" i="1"/>
  <c r="A1660" i="1"/>
  <c r="A1658" i="1"/>
  <c r="A1657" i="1"/>
  <c r="A1648" i="1"/>
  <c r="A1647" i="1"/>
  <c r="A1646" i="1"/>
  <c r="A1644" i="1"/>
  <c r="A1643" i="1"/>
  <c r="A1639" i="1"/>
  <c r="A1638" i="1"/>
  <c r="A1637" i="1"/>
  <c r="A1635" i="1"/>
  <c r="A1634" i="1"/>
  <c r="A1630" i="1"/>
  <c r="A1629" i="1"/>
  <c r="A1628" i="1"/>
  <c r="A1626" i="1"/>
  <c r="A1625" i="1"/>
  <c r="A1621" i="1"/>
  <c r="A1620" i="1"/>
  <c r="A1619" i="1"/>
  <c r="A1617" i="1"/>
  <c r="A1616" i="1"/>
  <c r="A1612" i="1"/>
  <c r="A1611" i="1"/>
  <c r="A1610" i="1"/>
  <c r="A1608" i="1"/>
  <c r="A1607" i="1"/>
  <c r="A1603" i="1"/>
  <c r="A1602" i="1"/>
  <c r="A1601" i="1"/>
  <c r="A1599" i="1"/>
  <c r="A1598" i="1"/>
  <c r="A1589" i="1"/>
  <c r="A1588" i="1"/>
  <c r="A1587" i="1"/>
  <c r="A1585" i="1"/>
  <c r="A1584" i="1"/>
  <c r="A1580" i="1"/>
  <c r="A1579" i="1"/>
  <c r="A1578" i="1"/>
  <c r="A1576" i="1"/>
  <c r="A1575" i="1"/>
  <c r="A1571" i="1"/>
  <c r="A1570" i="1"/>
  <c r="A1569" i="1"/>
  <c r="A1567" i="1"/>
  <c r="A1566" i="1"/>
  <c r="A1562" i="1"/>
  <c r="A1561" i="1"/>
  <c r="A1560" i="1"/>
  <c r="A1558" i="1"/>
  <c r="A1557" i="1"/>
  <c r="A1553" i="1"/>
  <c r="A1552" i="1"/>
  <c r="A1551" i="1"/>
  <c r="A1549" i="1"/>
  <c r="A1548" i="1"/>
  <c r="A1544" i="1"/>
  <c r="A1543" i="1"/>
  <c r="A1542" i="1"/>
  <c r="A1540" i="1"/>
  <c r="A1539" i="1"/>
  <c r="A1530" i="1"/>
  <c r="A1529" i="1"/>
  <c r="A1528" i="1"/>
  <c r="A1526" i="1"/>
  <c r="A1525" i="1"/>
  <c r="A1512" i="1"/>
  <c r="A1511" i="1"/>
  <c r="A1510" i="1"/>
  <c r="A1508" i="1"/>
  <c r="A1507" i="1"/>
  <c r="A1503" i="1"/>
  <c r="A1502" i="1"/>
  <c r="A1501" i="1"/>
  <c r="A1499" i="1"/>
  <c r="A1498" i="1"/>
  <c r="A1494" i="1"/>
  <c r="A1493" i="1"/>
  <c r="A1492" i="1"/>
  <c r="A1490" i="1"/>
  <c r="A1489" i="1"/>
  <c r="A1485" i="1"/>
  <c r="A1484" i="1"/>
  <c r="A1483" i="1"/>
  <c r="A1481" i="1"/>
  <c r="A1480" i="1"/>
  <c r="A1471" i="1"/>
  <c r="A1470" i="1"/>
  <c r="A1469" i="1"/>
  <c r="A1467" i="1"/>
  <c r="A1466" i="1"/>
  <c r="A1462" i="1"/>
  <c r="A1461" i="1"/>
  <c r="A1460" i="1"/>
  <c r="A1458" i="1"/>
  <c r="A1457" i="1"/>
  <c r="A1453" i="1"/>
  <c r="A1452" i="1"/>
  <c r="A1451" i="1"/>
  <c r="A1449" i="1"/>
  <c r="A1448" i="1"/>
  <c r="A1444" i="1"/>
  <c r="A1443" i="1"/>
  <c r="A1442" i="1"/>
  <c r="A1440" i="1"/>
  <c r="A1439" i="1"/>
  <c r="A1435" i="1"/>
  <c r="A1434" i="1"/>
  <c r="A1433" i="1"/>
  <c r="A1431" i="1"/>
  <c r="A1430" i="1"/>
  <c r="A1426" i="1"/>
  <c r="A1425" i="1"/>
  <c r="A1424" i="1"/>
  <c r="A1422" i="1"/>
  <c r="A1421" i="1"/>
  <c r="A1412" i="1"/>
  <c r="A1411" i="1"/>
  <c r="A1410" i="1"/>
  <c r="A1408" i="1"/>
  <c r="A1407" i="1"/>
  <c r="A1403" i="1"/>
  <c r="A1402" i="1"/>
  <c r="A1401" i="1"/>
  <c r="A1399" i="1"/>
  <c r="A1398" i="1"/>
  <c r="A1394" i="1"/>
  <c r="A1393" i="1"/>
  <c r="A1392" i="1"/>
  <c r="A1390" i="1"/>
  <c r="A1389" i="1"/>
  <c r="A1385" i="1"/>
  <c r="A1384" i="1"/>
  <c r="A1383" i="1"/>
  <c r="A1381" i="1"/>
  <c r="A1380" i="1"/>
  <c r="A1376" i="1"/>
  <c r="A1375" i="1"/>
  <c r="A1374" i="1"/>
  <c r="A1372" i="1"/>
  <c r="A1371" i="1"/>
  <c r="A1367" i="1"/>
  <c r="A1366" i="1"/>
  <c r="A1365" i="1"/>
  <c r="A1363" i="1"/>
  <c r="A1362" i="1"/>
  <c r="A1353" i="1"/>
  <c r="A1352" i="1"/>
  <c r="A1351" i="1"/>
  <c r="A1349" i="1"/>
  <c r="A1348" i="1"/>
  <c r="A1344" i="1"/>
  <c r="A1343" i="1"/>
  <c r="A1342" i="1"/>
  <c r="A1340" i="1"/>
  <c r="A1339" i="1"/>
  <c r="A1335" i="1"/>
  <c r="A1334" i="1"/>
  <c r="A1333" i="1"/>
  <c r="A1331" i="1"/>
  <c r="A1330" i="1"/>
  <c r="A1326" i="1"/>
  <c r="A1325" i="1"/>
  <c r="A1324" i="1"/>
  <c r="A1322" i="1"/>
  <c r="A1321" i="1"/>
  <c r="A1317" i="1"/>
  <c r="A1316" i="1"/>
  <c r="A1315" i="1"/>
  <c r="A1313" i="1"/>
  <c r="A1312" i="1"/>
  <c r="A1308" i="1"/>
  <c r="A1307" i="1"/>
  <c r="A1306" i="1"/>
  <c r="A1304" i="1"/>
  <c r="A1303" i="1"/>
  <c r="A1294" i="1"/>
  <c r="A1293" i="1"/>
  <c r="A1292" i="1"/>
  <c r="A1290" i="1"/>
  <c r="A1289" i="1"/>
  <c r="A1285" i="1"/>
  <c r="A1284" i="1"/>
  <c r="A1283" i="1"/>
  <c r="A1281" i="1"/>
  <c r="A1280" i="1"/>
  <c r="A1276" i="1"/>
  <c r="A1275" i="1"/>
  <c r="A1274" i="1"/>
  <c r="A1272" i="1"/>
  <c r="A1271" i="1"/>
  <c r="A1267" i="1"/>
  <c r="A1266" i="1"/>
  <c r="A1265" i="1"/>
  <c r="A1263" i="1"/>
  <c r="A1262" i="1"/>
  <c r="A1258" i="1"/>
  <c r="A1257" i="1"/>
  <c r="A1256" i="1"/>
  <c r="A1254" i="1"/>
  <c r="A1253" i="1"/>
  <c r="A1249" i="1"/>
  <c r="A1248" i="1"/>
  <c r="A1247" i="1"/>
  <c r="A1245" i="1"/>
  <c r="A1244" i="1"/>
  <c r="A1235" i="1"/>
  <c r="A1234" i="1"/>
  <c r="A1233" i="1"/>
  <c r="A1231" i="1"/>
  <c r="A1230" i="1"/>
  <c r="A1226" i="1"/>
  <c r="A1225" i="1"/>
  <c r="A1224" i="1"/>
  <c r="A1222" i="1"/>
  <c r="A1221" i="1"/>
  <c r="A1217" i="1"/>
  <c r="A1216" i="1"/>
  <c r="A1215" i="1"/>
  <c r="A1213" i="1"/>
  <c r="A1212" i="1"/>
  <c r="A1208" i="1"/>
  <c r="A1207" i="1"/>
  <c r="A1206" i="1"/>
  <c r="A1204" i="1"/>
  <c r="A1203" i="1"/>
  <c r="A1199" i="1"/>
  <c r="A1198" i="1"/>
  <c r="A1197" i="1"/>
  <c r="A1195" i="1"/>
  <c r="A1194" i="1"/>
  <c r="A1190" i="1"/>
  <c r="A1189" i="1"/>
  <c r="A1188" i="1"/>
  <c r="A1186" i="1"/>
  <c r="A1185" i="1"/>
  <c r="A1176" i="1"/>
  <c r="A1175" i="1"/>
  <c r="A1174" i="1"/>
  <c r="A1172" i="1"/>
  <c r="A1171" i="1"/>
  <c r="A1167" i="1"/>
  <c r="A1166" i="1"/>
  <c r="A1165" i="1"/>
  <c r="A1163" i="1"/>
  <c r="A1162" i="1"/>
  <c r="A1158" i="1"/>
  <c r="A1157" i="1"/>
  <c r="A1156" i="1"/>
  <c r="A1154" i="1"/>
  <c r="A1153" i="1"/>
  <c r="A1149" i="1"/>
  <c r="A1148" i="1"/>
  <c r="A1147" i="1"/>
  <c r="A1145" i="1"/>
  <c r="A1144" i="1"/>
  <c r="A1140" i="1"/>
  <c r="A1139" i="1"/>
  <c r="A1138" i="1"/>
  <c r="A1136" i="1"/>
  <c r="A1135" i="1"/>
  <c r="A1131" i="1"/>
  <c r="A1130" i="1"/>
  <c r="A1129" i="1"/>
  <c r="A1127" i="1"/>
  <c r="A1126" i="1"/>
  <c r="A1117" i="1"/>
  <c r="A1116" i="1"/>
  <c r="A1115" i="1"/>
  <c r="A1113" i="1"/>
  <c r="A1112" i="1"/>
  <c r="A1108" i="1"/>
  <c r="A1107" i="1"/>
  <c r="A1106" i="1"/>
  <c r="A1104" i="1"/>
  <c r="A1103" i="1"/>
  <c r="A1099" i="1"/>
  <c r="A1098" i="1"/>
  <c r="A1097" i="1"/>
  <c r="A1095" i="1"/>
  <c r="A1094" i="1"/>
  <c r="A1090" i="1"/>
  <c r="A1089" i="1"/>
  <c r="A1088" i="1"/>
  <c r="A1086" i="1"/>
  <c r="A1085" i="1"/>
  <c r="A1081" i="1"/>
  <c r="A1080" i="1"/>
  <c r="A1079" i="1"/>
  <c r="A1077" i="1"/>
  <c r="A1076" i="1"/>
  <c r="A1072" i="1"/>
  <c r="A1071" i="1"/>
  <c r="A1070" i="1"/>
  <c r="A1068" i="1"/>
  <c r="A1067" i="1"/>
  <c r="A1058" i="1"/>
  <c r="A1057" i="1"/>
  <c r="A1056" i="1"/>
  <c r="A1054" i="1"/>
  <c r="A1053" i="1"/>
  <c r="A1049" i="1"/>
  <c r="A1048" i="1"/>
  <c r="A1047" i="1"/>
  <c r="A1045" i="1"/>
  <c r="A1044" i="1"/>
  <c r="A1040" i="1"/>
  <c r="A1039" i="1"/>
  <c r="A1038" i="1"/>
  <c r="A1036" i="1"/>
  <c r="A1035" i="1"/>
  <c r="A1022" i="1"/>
  <c r="A1021" i="1"/>
  <c r="A1020" i="1"/>
  <c r="A1018" i="1"/>
  <c r="A1017" i="1"/>
  <c r="A1013" i="1"/>
  <c r="A1012" i="1"/>
  <c r="A1011" i="1"/>
  <c r="A1009" i="1"/>
  <c r="A1008" i="1"/>
  <c r="A999" i="1"/>
  <c r="A998" i="1"/>
  <c r="A997" i="1"/>
  <c r="A995" i="1"/>
  <c r="A994" i="1"/>
  <c r="A990" i="1"/>
  <c r="A989" i="1"/>
  <c r="A988" i="1"/>
  <c r="A986" i="1"/>
  <c r="A985" i="1"/>
  <c r="A981" i="1"/>
  <c r="A980" i="1"/>
  <c r="A979" i="1"/>
  <c r="A977" i="1"/>
  <c r="A976" i="1"/>
  <c r="A972" i="1"/>
  <c r="A971" i="1"/>
  <c r="A970" i="1"/>
  <c r="A968" i="1"/>
  <c r="A967" i="1"/>
  <c r="A963" i="1"/>
  <c r="A962" i="1"/>
  <c r="A961" i="1"/>
  <c r="A959" i="1"/>
  <c r="A958" i="1"/>
  <c r="A954" i="1"/>
  <c r="A953" i="1"/>
  <c r="A952" i="1"/>
  <c r="A950" i="1"/>
  <c r="A949" i="1"/>
  <c r="A940" i="1"/>
  <c r="A939" i="1"/>
  <c r="A938" i="1"/>
  <c r="A936" i="1"/>
  <c r="A935" i="1"/>
  <c r="A931" i="1"/>
  <c r="A930" i="1"/>
  <c r="A929" i="1"/>
  <c r="A927" i="1"/>
  <c r="A926" i="1"/>
  <c r="A922" i="1"/>
  <c r="A921" i="1"/>
  <c r="A920" i="1"/>
  <c r="A918" i="1"/>
  <c r="A917" i="1"/>
  <c r="A913" i="1"/>
  <c r="A912" i="1"/>
  <c r="A911" i="1"/>
  <c r="A909" i="1"/>
  <c r="A908" i="1"/>
  <c r="A904" i="1"/>
  <c r="A903" i="1"/>
  <c r="A902" i="1"/>
  <c r="A900" i="1"/>
  <c r="A899" i="1"/>
  <c r="A895" i="1"/>
  <c r="A894" i="1"/>
  <c r="A893" i="1"/>
  <c r="A891" i="1"/>
  <c r="A890" i="1"/>
  <c r="A881" i="1"/>
  <c r="A880" i="1"/>
  <c r="A879" i="1"/>
  <c r="A877" i="1"/>
  <c r="A876" i="1"/>
  <c r="A872" i="1"/>
  <c r="A871" i="1"/>
  <c r="A870" i="1"/>
  <c r="A868" i="1"/>
  <c r="A867" i="1"/>
  <c r="A863" i="1"/>
  <c r="A862" i="1"/>
  <c r="A861" i="1"/>
  <c r="A859" i="1"/>
  <c r="A858" i="1"/>
  <c r="A854" i="1"/>
  <c r="A853" i="1"/>
  <c r="A852" i="1"/>
  <c r="A850" i="1"/>
  <c r="A849" i="1"/>
  <c r="A845" i="1"/>
  <c r="A844" i="1"/>
  <c r="A843" i="1"/>
  <c r="A841" i="1"/>
  <c r="A840" i="1"/>
  <c r="A836" i="1"/>
  <c r="A835" i="1"/>
  <c r="A834" i="1"/>
  <c r="A832" i="1"/>
  <c r="A831" i="1"/>
  <c r="A822" i="1"/>
  <c r="A821" i="1"/>
  <c r="A820" i="1"/>
  <c r="A818" i="1"/>
  <c r="A817" i="1"/>
  <c r="A813" i="1"/>
  <c r="A812" i="1"/>
  <c r="A811" i="1"/>
  <c r="A809" i="1"/>
  <c r="A808" i="1"/>
  <c r="A804" i="1"/>
  <c r="A803" i="1"/>
  <c r="A802" i="1"/>
  <c r="A800" i="1"/>
  <c r="A799" i="1"/>
  <c r="A795" i="1"/>
  <c r="A794" i="1"/>
  <c r="A793" i="1"/>
  <c r="A791" i="1"/>
  <c r="A790" i="1"/>
  <c r="A786" i="1"/>
  <c r="A785" i="1"/>
  <c r="A784" i="1"/>
  <c r="A782" i="1"/>
  <c r="A781" i="1"/>
  <c r="A777" i="1"/>
  <c r="A776" i="1"/>
  <c r="A775" i="1"/>
  <c r="A773" i="1"/>
  <c r="A772" i="1"/>
  <c r="A763" i="1"/>
  <c r="A762" i="1"/>
  <c r="A761" i="1"/>
  <c r="A759" i="1"/>
  <c r="A758" i="1"/>
  <c r="A754" i="1"/>
  <c r="A753" i="1"/>
  <c r="A752" i="1"/>
  <c r="A750" i="1"/>
  <c r="A749" i="1"/>
  <c r="A736" i="1"/>
  <c r="A735" i="1"/>
  <c r="A734" i="1"/>
  <c r="A732" i="1"/>
  <c r="A731" i="1"/>
  <c r="A727" i="1"/>
  <c r="A726" i="1"/>
  <c r="A725" i="1"/>
  <c r="A723" i="1"/>
  <c r="A722" i="1"/>
  <c r="A718" i="1"/>
  <c r="A717" i="1"/>
  <c r="A716" i="1"/>
  <c r="A714" i="1"/>
  <c r="A713" i="1"/>
  <c r="A677" i="1"/>
  <c r="A676" i="1"/>
  <c r="A675" i="1"/>
  <c r="A673" i="1"/>
  <c r="A672" i="1"/>
  <c r="A645" i="1"/>
  <c r="A644" i="1"/>
  <c r="A643" i="1"/>
  <c r="A641" i="1"/>
  <c r="A640" i="1"/>
  <c r="A636" i="1"/>
  <c r="A635" i="1"/>
  <c r="A634" i="1"/>
  <c r="A632" i="1"/>
  <c r="A631" i="1"/>
  <c r="A627" i="1"/>
  <c r="A626" i="1"/>
  <c r="A625" i="1"/>
  <c r="A623" i="1"/>
  <c r="A622" i="1"/>
  <c r="A618" i="1"/>
  <c r="A617" i="1"/>
  <c r="A616" i="1"/>
  <c r="A614" i="1"/>
  <c r="A613" i="1"/>
  <c r="A609" i="1"/>
  <c r="A608" i="1"/>
  <c r="A607" i="1"/>
  <c r="A605" i="1"/>
  <c r="A604" i="1"/>
  <c r="A600" i="1"/>
  <c r="A599" i="1"/>
  <c r="A598" i="1"/>
  <c r="A596" i="1"/>
  <c r="A595" i="1"/>
  <c r="A586" i="1"/>
  <c r="A585" i="1"/>
  <c r="A584" i="1"/>
  <c r="A582" i="1"/>
  <c r="A581" i="1"/>
  <c r="A577" i="1"/>
  <c r="A576" i="1"/>
  <c r="A575" i="1"/>
  <c r="A573" i="1"/>
  <c r="A572" i="1"/>
  <c r="A559" i="1"/>
  <c r="A558" i="1"/>
  <c r="A557" i="1"/>
  <c r="A555" i="1"/>
  <c r="A554" i="1"/>
  <c r="A550" i="1"/>
  <c r="A549" i="1"/>
  <c r="A548" i="1"/>
  <c r="A546" i="1"/>
  <c r="A545" i="1"/>
  <c r="A541" i="1"/>
  <c r="A540" i="1"/>
  <c r="A539" i="1"/>
  <c r="A537" i="1"/>
  <c r="A536" i="1"/>
  <c r="A527" i="1"/>
  <c r="A526" i="1"/>
  <c r="A525" i="1"/>
  <c r="A523" i="1"/>
  <c r="A522" i="1"/>
  <c r="A518" i="1"/>
  <c r="A517" i="1"/>
  <c r="A516" i="1"/>
  <c r="A514" i="1"/>
  <c r="A513" i="1"/>
  <c r="A509" i="1"/>
  <c r="A508" i="1"/>
  <c r="A507" i="1"/>
  <c r="A505" i="1"/>
  <c r="A504" i="1"/>
  <c r="A500" i="1"/>
  <c r="A499" i="1"/>
  <c r="A498" i="1"/>
  <c r="A496" i="1"/>
  <c r="A495" i="1"/>
  <c r="A491" i="1"/>
  <c r="A490" i="1"/>
  <c r="A489" i="1"/>
  <c r="A487" i="1"/>
  <c r="A486" i="1"/>
  <c r="A482" i="1"/>
  <c r="A481" i="1"/>
  <c r="A480" i="1"/>
  <c r="A478" i="1"/>
  <c r="A477" i="1"/>
  <c r="A468" i="1"/>
  <c r="A467" i="1"/>
  <c r="A466" i="1"/>
  <c r="A464" i="1"/>
  <c r="A463" i="1"/>
  <c r="A459" i="1"/>
  <c r="A458" i="1"/>
  <c r="A457" i="1"/>
  <c r="A455" i="1"/>
  <c r="A454" i="1"/>
  <c r="A450" i="1"/>
  <c r="A449" i="1"/>
  <c r="A448" i="1"/>
  <c r="A446" i="1"/>
  <c r="A445" i="1"/>
  <c r="A441" i="1"/>
  <c r="A440" i="1"/>
  <c r="A439" i="1"/>
  <c r="A437" i="1"/>
  <c r="A436" i="1"/>
  <c r="A391" i="1"/>
  <c r="A390" i="1"/>
  <c r="A389" i="1"/>
  <c r="A387" i="1"/>
  <c r="A386" i="1"/>
  <c r="A382" i="1"/>
  <c r="A381" i="1"/>
  <c r="A380" i="1"/>
  <c r="A378" i="1"/>
  <c r="A377" i="1"/>
  <c r="A373" i="1"/>
  <c r="A372" i="1"/>
  <c r="A371" i="1"/>
  <c r="A369" i="1"/>
  <c r="A368" i="1"/>
  <c r="A364" i="1"/>
  <c r="A363" i="1"/>
  <c r="A362" i="1"/>
  <c r="A360" i="1"/>
  <c r="A359" i="1"/>
  <c r="A351" i="1"/>
  <c r="A350" i="1"/>
  <c r="A349" i="1"/>
  <c r="A347" i="1"/>
  <c r="A346" i="1"/>
  <c r="A342" i="1"/>
  <c r="A341" i="1"/>
  <c r="A340" i="1"/>
  <c r="A338" i="1"/>
  <c r="A337" i="1"/>
  <c r="A333" i="1"/>
  <c r="A331" i="1"/>
  <c r="A330" i="1"/>
  <c r="A328" i="1"/>
  <c r="A327" i="1"/>
  <c r="A323" i="1"/>
  <c r="A322" i="1"/>
  <c r="A321" i="1"/>
  <c r="A319" i="1"/>
  <c r="A318" i="1"/>
  <c r="A314" i="1"/>
  <c r="A313" i="1"/>
  <c r="A312" i="1"/>
  <c r="A310" i="1"/>
  <c r="A309" i="1"/>
  <c r="A305" i="1"/>
  <c r="A304" i="1"/>
  <c r="A303" i="1"/>
  <c r="A301" i="1"/>
  <c r="A300" i="1"/>
  <c r="A285" i="1"/>
  <c r="A284" i="1"/>
  <c r="A283" i="1"/>
  <c r="A281" i="1"/>
  <c r="A280" i="1"/>
  <c r="A232" i="1"/>
  <c r="A231" i="1"/>
  <c r="A230" i="1"/>
  <c r="A228" i="1"/>
  <c r="A227" i="1"/>
  <c r="A223" i="1"/>
  <c r="A222" i="1"/>
  <c r="A221" i="1"/>
  <c r="A219" i="1"/>
  <c r="A218" i="1"/>
  <c r="A214" i="1"/>
  <c r="A213" i="1"/>
  <c r="A212" i="1"/>
  <c r="A210" i="1"/>
  <c r="A209" i="1"/>
  <c r="A205" i="1"/>
  <c r="A204" i="1"/>
  <c r="A203" i="1"/>
  <c r="A201" i="1"/>
  <c r="A200" i="1"/>
  <c r="A196" i="1"/>
  <c r="A195" i="1"/>
  <c r="A194" i="1"/>
  <c r="A192" i="1"/>
  <c r="A191" i="1"/>
  <c r="A187" i="1"/>
  <c r="A186" i="1"/>
  <c r="A185" i="1"/>
  <c r="A183" i="1"/>
  <c r="A182" i="1"/>
  <c r="A173" i="1"/>
  <c r="A172" i="1"/>
  <c r="A171" i="1"/>
  <c r="A169" i="1"/>
  <c r="A168" i="1"/>
  <c r="A164" i="1"/>
  <c r="A163" i="1"/>
  <c r="A162" i="1"/>
  <c r="A160" i="1"/>
  <c r="A159" i="1"/>
  <c r="A155" i="1"/>
  <c r="A154" i="1"/>
  <c r="A153" i="1"/>
  <c r="A151" i="1"/>
  <c r="A150" i="1"/>
  <c r="A146" i="1"/>
  <c r="A145" i="1"/>
  <c r="A144" i="1"/>
  <c r="A142" i="1"/>
  <c r="A141" i="1"/>
  <c r="A137" i="1"/>
  <c r="A136" i="1"/>
  <c r="A135" i="1"/>
  <c r="A133" i="1"/>
  <c r="A132" i="1"/>
  <c r="A128" i="1"/>
  <c r="A127" i="1"/>
  <c r="A126" i="1"/>
  <c r="A124" i="1"/>
  <c r="A123" i="1"/>
</calcChain>
</file>

<file path=xl/sharedStrings.xml><?xml version="1.0" encoding="utf-8"?>
<sst xmlns="http://schemas.openxmlformats.org/spreadsheetml/2006/main" count="754" uniqueCount="538">
  <si>
    <t>＜はじめに＞</t>
    <phoneticPr fontId="1"/>
  </si>
  <si>
    <t>○　「まずどこに相談したらよいかわからない」を少しでも解消すべく、</t>
    <rPh sb="8" eb="10">
      <t>ソウダン</t>
    </rPh>
    <phoneticPr fontId="1"/>
  </si>
  <si>
    <t>　 　県内各市町村の申請・相談窓口を分野別にまとめました。</t>
    <phoneticPr fontId="1"/>
  </si>
  <si>
    <t>○　ぜひご活用ください。</t>
    <rPh sb="5" eb="7">
      <t>カツヨウ</t>
    </rPh>
    <phoneticPr fontId="1"/>
  </si>
  <si>
    <t>○ 　この情報は、県立こども医療センターが運営するホームページ</t>
    <rPh sb="5" eb="7">
      <t>ジョウホウ</t>
    </rPh>
    <rPh sb="9" eb="11">
      <t>ケンリツ</t>
    </rPh>
    <rPh sb="14" eb="16">
      <t>イリョウ</t>
    </rPh>
    <rPh sb="21" eb="23">
      <t>ウンエイ</t>
    </rPh>
    <phoneticPr fontId="1"/>
  </si>
  <si>
    <t>　　 「おひさま　小児在宅療養ナビ」にも、わかりやすく掲載しています。</t>
    <rPh sb="9" eb="11">
      <t>ショウニ</t>
    </rPh>
    <rPh sb="11" eb="13">
      <t>ザイタク</t>
    </rPh>
    <rPh sb="13" eb="15">
      <t>リョウヨウ</t>
    </rPh>
    <rPh sb="27" eb="29">
      <t>ケイサイ</t>
    </rPh>
    <phoneticPr fontId="1"/>
  </si>
  <si>
    <t>URL：</t>
    <phoneticPr fontId="1"/>
  </si>
  <si>
    <t>http://ohisama.kcmc.jp/</t>
    <phoneticPr fontId="1"/>
  </si>
  <si>
    <t>＜使い方・注意事項＞</t>
    <rPh sb="1" eb="2">
      <t>ツカ</t>
    </rPh>
    <rPh sb="3" eb="4">
      <t>カタ</t>
    </rPh>
    <rPh sb="5" eb="7">
      <t>チュウイ</t>
    </rPh>
    <rPh sb="7" eb="9">
      <t>ジコウ</t>
    </rPh>
    <phoneticPr fontId="1"/>
  </si>
  <si>
    <t>○　医療的ケア児に関係する各種相談・申請窓口をまとめたものです。</t>
    <rPh sb="2" eb="5">
      <t>イリョウテキ</t>
    </rPh>
    <rPh sb="7" eb="8">
      <t>ジ</t>
    </rPh>
    <rPh sb="9" eb="11">
      <t>カンケイ</t>
    </rPh>
    <rPh sb="13" eb="15">
      <t>カクシュ</t>
    </rPh>
    <rPh sb="15" eb="17">
      <t>ソウダン</t>
    </rPh>
    <rPh sb="18" eb="20">
      <t>シンセイ</t>
    </rPh>
    <rPh sb="20" eb="22">
      <t>マドグチ</t>
    </rPh>
    <phoneticPr fontId="1"/>
  </si>
  <si>
    <t>○　相談内容により、他の所管課にお繋ぎする場合がございます。</t>
    <rPh sb="2" eb="4">
      <t>ソウダン</t>
    </rPh>
    <rPh sb="4" eb="6">
      <t>ナイヨウ</t>
    </rPh>
    <rPh sb="10" eb="11">
      <t>ホカ</t>
    </rPh>
    <rPh sb="12" eb="14">
      <t>ショカン</t>
    </rPh>
    <rPh sb="14" eb="15">
      <t>カ</t>
    </rPh>
    <rPh sb="17" eb="18">
      <t>ツナ</t>
    </rPh>
    <rPh sb="21" eb="23">
      <t>バアイ</t>
    </rPh>
    <phoneticPr fontId="1"/>
  </si>
  <si>
    <t>○　各窓口の分野ごとに、大まかな色付けをしてあります。</t>
    <rPh sb="2" eb="3">
      <t>カク</t>
    </rPh>
    <rPh sb="3" eb="5">
      <t>マドグチ</t>
    </rPh>
    <rPh sb="6" eb="8">
      <t>ブンヤ</t>
    </rPh>
    <rPh sb="12" eb="13">
      <t>オオ</t>
    </rPh>
    <rPh sb="16" eb="17">
      <t>イロ</t>
    </rPh>
    <rPh sb="17" eb="18">
      <t>ヅ</t>
    </rPh>
    <phoneticPr fontId="1"/>
  </si>
  <si>
    <t>＜色分け一覧＞</t>
    <rPh sb="1" eb="3">
      <t>イロワ</t>
    </rPh>
    <rPh sb="4" eb="6">
      <t>イチラン</t>
    </rPh>
    <phoneticPr fontId="1"/>
  </si>
  <si>
    <t>障害福祉</t>
    <rPh sb="0" eb="2">
      <t>ショウガイ</t>
    </rPh>
    <rPh sb="2" eb="4">
      <t>フクシ</t>
    </rPh>
    <phoneticPr fontId="1"/>
  </si>
  <si>
    <t>保健</t>
    <rPh sb="0" eb="2">
      <t>ホケン</t>
    </rPh>
    <phoneticPr fontId="1"/>
  </si>
  <si>
    <t>給付金</t>
    <rPh sb="0" eb="3">
      <t>キュウフキン</t>
    </rPh>
    <phoneticPr fontId="1"/>
  </si>
  <si>
    <t>教育</t>
    <rPh sb="0" eb="2">
      <t>キョウイク</t>
    </rPh>
    <phoneticPr fontId="1"/>
  </si>
  <si>
    <t>相談</t>
    <rPh sb="0" eb="2">
      <t>ソウダン</t>
    </rPh>
    <phoneticPr fontId="1"/>
  </si>
  <si>
    <t>その他</t>
    <rPh sb="2" eb="3">
      <t>タ</t>
    </rPh>
    <phoneticPr fontId="1"/>
  </si>
  <si>
    <t>○　以下の順番で掲載しています。</t>
    <rPh sb="2" eb="4">
      <t>イカ</t>
    </rPh>
    <rPh sb="5" eb="7">
      <t>ジュンバン</t>
    </rPh>
    <rPh sb="8" eb="10">
      <t>ケイサイ</t>
    </rPh>
    <phoneticPr fontId="1"/>
  </si>
  <si>
    <t>市町村名</t>
    <rPh sb="0" eb="3">
      <t>シチョウソン</t>
    </rPh>
    <rPh sb="3" eb="4">
      <t>メイ</t>
    </rPh>
    <phoneticPr fontId="1"/>
  </si>
  <si>
    <t>項数</t>
    <rPh sb="0" eb="2">
      <t>コウスウ</t>
    </rPh>
    <phoneticPr fontId="1"/>
  </si>
  <si>
    <t>横浜市</t>
    <rPh sb="0" eb="3">
      <t>ヨコハマシ</t>
    </rPh>
    <phoneticPr fontId="1"/>
  </si>
  <si>
    <t>秦野市</t>
  </si>
  <si>
    <t>二宮町</t>
  </si>
  <si>
    <t>川崎市</t>
    <rPh sb="0" eb="3">
      <t>カワサキシ</t>
    </rPh>
    <phoneticPr fontId="1"/>
  </si>
  <si>
    <t>厚木市</t>
  </si>
  <si>
    <t>中井町</t>
  </si>
  <si>
    <t>相模原市</t>
  </si>
  <si>
    <t>大和市</t>
  </si>
  <si>
    <t>大井町</t>
  </si>
  <si>
    <t>横須賀市</t>
  </si>
  <si>
    <t>伊勢原市</t>
  </si>
  <si>
    <t>松田町</t>
  </si>
  <si>
    <t>平塚市</t>
  </si>
  <si>
    <t>海老名市</t>
  </si>
  <si>
    <t>山北町</t>
  </si>
  <si>
    <t>鎌倉市</t>
  </si>
  <si>
    <t>座間市</t>
  </si>
  <si>
    <t>開成町</t>
  </si>
  <si>
    <t>藤沢市</t>
  </si>
  <si>
    <t>南足柄市</t>
  </si>
  <si>
    <t>箱根町</t>
  </si>
  <si>
    <t>小田原市</t>
  </si>
  <si>
    <t>綾瀬市</t>
  </si>
  <si>
    <t>真鶴町</t>
  </si>
  <si>
    <t>茅ヶ崎市</t>
  </si>
  <si>
    <t>葉山町</t>
  </si>
  <si>
    <t>湯河原町</t>
  </si>
  <si>
    <t>逗子市</t>
  </si>
  <si>
    <t>寒川町</t>
  </si>
  <si>
    <t>愛川町</t>
  </si>
  <si>
    <t>三浦市</t>
  </si>
  <si>
    <t>大磯町</t>
  </si>
  <si>
    <t>清川村</t>
  </si>
  <si>
    <t>○　この全体版のほか、下記の通り大まかな地域（二次保健医療圏をベース）</t>
    <rPh sb="4" eb="6">
      <t>ゼンタイ</t>
    </rPh>
    <rPh sb="6" eb="7">
      <t>バン</t>
    </rPh>
    <rPh sb="11" eb="13">
      <t>カキ</t>
    </rPh>
    <rPh sb="14" eb="15">
      <t>トオ</t>
    </rPh>
    <rPh sb="16" eb="17">
      <t>オオ</t>
    </rPh>
    <rPh sb="20" eb="22">
      <t>チイキ</t>
    </rPh>
    <rPh sb="23" eb="25">
      <t>ニジ</t>
    </rPh>
    <rPh sb="25" eb="27">
      <t>ホケン</t>
    </rPh>
    <rPh sb="27" eb="29">
      <t>イリョウ</t>
    </rPh>
    <rPh sb="29" eb="30">
      <t>ケン</t>
    </rPh>
    <phoneticPr fontId="1"/>
  </si>
  <si>
    <t>　　 毎に分割したものも掲載しています。</t>
    <phoneticPr fontId="1"/>
  </si>
  <si>
    <t>地域名</t>
    <rPh sb="0" eb="3">
      <t>チイキメイ</t>
    </rPh>
    <phoneticPr fontId="1"/>
  </si>
  <si>
    <t>含まれる市町村名</t>
    <rPh sb="0" eb="1">
      <t>フク</t>
    </rPh>
    <rPh sb="4" eb="7">
      <t>シチョウソン</t>
    </rPh>
    <rPh sb="7" eb="8">
      <t>メイ</t>
    </rPh>
    <phoneticPr fontId="1"/>
  </si>
  <si>
    <t>相模原市</t>
    <rPh sb="0" eb="4">
      <t>サガミハラシ</t>
    </rPh>
    <phoneticPr fontId="1"/>
  </si>
  <si>
    <t>横須賀・三浦</t>
    <rPh sb="0" eb="3">
      <t>ヨコスカ</t>
    </rPh>
    <rPh sb="4" eb="6">
      <t>ミウラ</t>
    </rPh>
    <phoneticPr fontId="1"/>
  </si>
  <si>
    <t>横須賀市</t>
    <rPh sb="0" eb="4">
      <t>ヨコスカシ</t>
    </rPh>
    <phoneticPr fontId="1"/>
  </si>
  <si>
    <t>鎌倉市</t>
    <rPh sb="0" eb="3">
      <t>カマクラシ</t>
    </rPh>
    <phoneticPr fontId="1"/>
  </si>
  <si>
    <t>逗子市</t>
    <rPh sb="0" eb="3">
      <t>ズシシ</t>
    </rPh>
    <phoneticPr fontId="1"/>
  </si>
  <si>
    <t>三浦市</t>
    <rPh sb="0" eb="3">
      <t>ミウラシ</t>
    </rPh>
    <phoneticPr fontId="1"/>
  </si>
  <si>
    <t>葉山町</t>
    <rPh sb="0" eb="3">
      <t>ハヤママチ</t>
    </rPh>
    <phoneticPr fontId="1"/>
  </si>
  <si>
    <t>湘南東部</t>
    <rPh sb="0" eb="2">
      <t>ショウナン</t>
    </rPh>
    <rPh sb="2" eb="4">
      <t>トウブ</t>
    </rPh>
    <phoneticPr fontId="1"/>
  </si>
  <si>
    <t>藤沢市</t>
    <rPh sb="0" eb="3">
      <t>フジサワシ</t>
    </rPh>
    <phoneticPr fontId="1"/>
  </si>
  <si>
    <t>茅ヶ崎市</t>
    <rPh sb="0" eb="4">
      <t>チガサキシ</t>
    </rPh>
    <phoneticPr fontId="1"/>
  </si>
  <si>
    <t>寒川町</t>
    <rPh sb="0" eb="2">
      <t>サムカワ</t>
    </rPh>
    <rPh sb="2" eb="3">
      <t>マチ</t>
    </rPh>
    <phoneticPr fontId="1"/>
  </si>
  <si>
    <t>湘南西部</t>
    <rPh sb="0" eb="2">
      <t>ショウナン</t>
    </rPh>
    <rPh sb="2" eb="4">
      <t>セイブ</t>
    </rPh>
    <phoneticPr fontId="1"/>
  </si>
  <si>
    <t>平塚市</t>
    <rPh sb="0" eb="2">
      <t>ヒラツカ</t>
    </rPh>
    <rPh sb="2" eb="3">
      <t>シ</t>
    </rPh>
    <phoneticPr fontId="1"/>
  </si>
  <si>
    <t>秦野市</t>
    <rPh sb="0" eb="3">
      <t>ハダノシ</t>
    </rPh>
    <phoneticPr fontId="1"/>
  </si>
  <si>
    <t>伊勢原市</t>
    <rPh sb="0" eb="4">
      <t>イセハラシ</t>
    </rPh>
    <phoneticPr fontId="1"/>
  </si>
  <si>
    <t>大磯町</t>
    <rPh sb="0" eb="3">
      <t>オオイソマチ</t>
    </rPh>
    <phoneticPr fontId="1"/>
  </si>
  <si>
    <t>二宮町</t>
    <rPh sb="0" eb="3">
      <t>ニノミヤマチ</t>
    </rPh>
    <phoneticPr fontId="1"/>
  </si>
  <si>
    <t>県央</t>
    <rPh sb="0" eb="2">
      <t>ケンオウ</t>
    </rPh>
    <phoneticPr fontId="1"/>
  </si>
  <si>
    <t>厚木市</t>
    <rPh sb="0" eb="3">
      <t>アツギシ</t>
    </rPh>
    <phoneticPr fontId="1"/>
  </si>
  <si>
    <t>大和市</t>
    <rPh sb="0" eb="3">
      <t>ヤマトシ</t>
    </rPh>
    <phoneticPr fontId="1"/>
  </si>
  <si>
    <t>海老名市</t>
    <rPh sb="0" eb="4">
      <t>エビナシ</t>
    </rPh>
    <phoneticPr fontId="1"/>
  </si>
  <si>
    <t>座間市</t>
    <rPh sb="0" eb="3">
      <t>ザマシ</t>
    </rPh>
    <phoneticPr fontId="1"/>
  </si>
  <si>
    <t>綾瀬市</t>
    <rPh sb="0" eb="3">
      <t>アヤセシ</t>
    </rPh>
    <phoneticPr fontId="1"/>
  </si>
  <si>
    <t>愛川町</t>
    <rPh sb="0" eb="3">
      <t>アイカワマチ</t>
    </rPh>
    <phoneticPr fontId="1"/>
  </si>
  <si>
    <t>清川町</t>
    <rPh sb="0" eb="2">
      <t>キヨカワ</t>
    </rPh>
    <rPh sb="2" eb="3">
      <t>マチ</t>
    </rPh>
    <phoneticPr fontId="1"/>
  </si>
  <si>
    <t>県西</t>
    <rPh sb="0" eb="2">
      <t>ケンセイ</t>
    </rPh>
    <phoneticPr fontId="1"/>
  </si>
  <si>
    <t>小田原市</t>
    <rPh sb="0" eb="4">
      <t>オダワラシ</t>
    </rPh>
    <phoneticPr fontId="1"/>
  </si>
  <si>
    <t>南足柄市</t>
    <rPh sb="0" eb="4">
      <t>ミナミアシガラシ</t>
    </rPh>
    <phoneticPr fontId="1"/>
  </si>
  <si>
    <t>中井町</t>
    <rPh sb="0" eb="3">
      <t>ナカイマチ</t>
    </rPh>
    <phoneticPr fontId="1"/>
  </si>
  <si>
    <t>大井町</t>
    <rPh sb="0" eb="3">
      <t>オオイマチ</t>
    </rPh>
    <phoneticPr fontId="1"/>
  </si>
  <si>
    <t>松田町</t>
    <rPh sb="0" eb="3">
      <t>マツダマチ</t>
    </rPh>
    <phoneticPr fontId="1"/>
  </si>
  <si>
    <t>山北町</t>
    <rPh sb="0" eb="3">
      <t>ヤマキタマチ</t>
    </rPh>
    <phoneticPr fontId="1"/>
  </si>
  <si>
    <t>開成町</t>
    <rPh sb="0" eb="3">
      <t>カイセイマチ</t>
    </rPh>
    <phoneticPr fontId="1"/>
  </si>
  <si>
    <t>箱根町</t>
    <rPh sb="0" eb="3">
      <t>ハコネマチ</t>
    </rPh>
    <phoneticPr fontId="1"/>
  </si>
  <si>
    <t>真鶴町</t>
    <rPh sb="0" eb="2">
      <t>マナヅル</t>
    </rPh>
    <rPh sb="2" eb="3">
      <t>マチ</t>
    </rPh>
    <phoneticPr fontId="1"/>
  </si>
  <si>
    <t>湯河原町</t>
    <rPh sb="0" eb="4">
      <t>ユガワラマチ</t>
    </rPh>
    <phoneticPr fontId="1"/>
  </si>
  <si>
    <t>例：○○市</t>
    <rPh sb="0" eb="1">
      <t>レイ</t>
    </rPh>
    <rPh sb="4" eb="5">
      <t>シ</t>
    </rPh>
    <phoneticPr fontId="1"/>
  </si>
  <si>
    <t>○○相談センター</t>
    <rPh sb="2" eb="4">
      <t>ソウダン</t>
    </rPh>
    <phoneticPr fontId="1"/>
  </si>
  <si>
    <t>各種相談</t>
    <rPh sb="0" eb="2">
      <t>カクシュ</t>
    </rPh>
    <rPh sb="2" eb="4">
      <t>ソウダン</t>
    </rPh>
    <phoneticPr fontId="1"/>
  </si>
  <si>
    <t>TEL:000-000-0000</t>
    <phoneticPr fontId="1"/>
  </si>
  <si>
    <t>（代表）</t>
    <rPh sb="1" eb="3">
      <t>ダイヒョウ</t>
    </rPh>
    <phoneticPr fontId="1"/>
  </si>
  <si>
    <t>http:/………………………………</t>
    <phoneticPr fontId="1"/>
  </si>
  <si>
    <t>○○課</t>
    <rPh sb="2" eb="3">
      <t>カ</t>
    </rPh>
    <phoneticPr fontId="1"/>
  </si>
  <si>
    <t>（○○○○について）</t>
    <phoneticPr fontId="1"/>
  </si>
  <si>
    <t>お住まいにより相談先が異なります。詳しくはHPへ。</t>
    <phoneticPr fontId="1"/>
  </si>
  <si>
    <t>○○支援センター</t>
    <rPh sb="2" eb="4">
      <t>シエン</t>
    </rPh>
    <phoneticPr fontId="1"/>
  </si>
  <si>
    <t>（○○○○など）</t>
    <phoneticPr fontId="1"/>
  </si>
  <si>
    <t>（直通）</t>
    <rPh sb="1" eb="3">
      <t>チョクツウ</t>
    </rPh>
    <phoneticPr fontId="1"/>
  </si>
  <si>
    <t>－</t>
    <phoneticPr fontId="1"/>
  </si>
  <si>
    <t>各区役所福祉保健センター（高齢・障害支援課、こども家庭支援課）</t>
    <phoneticPr fontId="1"/>
  </si>
  <si>
    <t>障害福祉</t>
    <phoneticPr fontId="1"/>
  </si>
  <si>
    <t>給付金</t>
    <phoneticPr fontId="1"/>
  </si>
  <si>
    <t>各種相談</t>
    <phoneticPr fontId="1"/>
  </si>
  <si>
    <t>お住まいの区の福祉保健センターへお問い合わせください。代表番号におかけいただいた場合は、窓口をご案内します。</t>
    <phoneticPr fontId="1"/>
  </si>
  <si>
    <t>http://www.city.yokohama.lg.jp/kenko/shogai/sodan/sogo/mado1.html</t>
    <phoneticPr fontId="1"/>
  </si>
  <si>
    <t>川崎市</t>
    <phoneticPr fontId="1"/>
  </si>
  <si>
    <t>各種相談</t>
  </si>
  <si>
    <t xml:space="preserve">TEL:044-200-3796 </t>
    <phoneticPr fontId="1"/>
  </si>
  <si>
    <t>http://www.city.kawasaki.jp/kurashi/category/23-2-33-0-0-0-0-0-0-0.html</t>
    <phoneticPr fontId="1"/>
  </si>
  <si>
    <t>(障害保健福祉に関するホームぺージです。)</t>
    <phoneticPr fontId="1"/>
  </si>
  <si>
    <t>各区役所地域みまもり支援センター　地域支援課</t>
    <phoneticPr fontId="1"/>
  </si>
  <si>
    <t>保健</t>
    <phoneticPr fontId="1"/>
  </si>
  <si>
    <t>給付金</t>
  </si>
  <si>
    <t>教育</t>
    <phoneticPr fontId="1"/>
  </si>
  <si>
    <t>TEL:044-844-3700</t>
    <phoneticPr fontId="1"/>
  </si>
  <si>
    <t>相模原市</t>
    <phoneticPr fontId="1"/>
  </si>
  <si>
    <t>お住まいや手続きにより相談先が異なります。詳しくはHPへ。</t>
    <phoneticPr fontId="1"/>
  </si>
  <si>
    <t>療育相談</t>
    <rPh sb="0" eb="2">
      <t>リョウイク</t>
    </rPh>
    <rPh sb="2" eb="4">
      <t>ソウダン</t>
    </rPh>
    <phoneticPr fontId="1"/>
  </si>
  <si>
    <t>（就学相談）</t>
    <rPh sb="1" eb="3">
      <t>シュウガク</t>
    </rPh>
    <rPh sb="3" eb="5">
      <t>ソウダン</t>
    </rPh>
    <phoneticPr fontId="1"/>
  </si>
  <si>
    <t>TEL:042-704-8917</t>
    <phoneticPr fontId="1"/>
  </si>
  <si>
    <t>横須賀市</t>
    <phoneticPr fontId="1"/>
  </si>
  <si>
    <t>（児童福祉）</t>
    <phoneticPr fontId="1"/>
  </si>
  <si>
    <t>TEL:046-820-2323</t>
    <phoneticPr fontId="1"/>
  </si>
  <si>
    <t>教育委員会事務局学校教育部 支援教育課（支援教育担当）</t>
    <phoneticPr fontId="1"/>
  </si>
  <si>
    <t>TEL:046-822-8513</t>
    <phoneticPr fontId="1"/>
  </si>
  <si>
    <t>http://www.city.yokosuka.kanagawa.jp/8320/index.html</t>
    <phoneticPr fontId="1"/>
  </si>
  <si>
    <t>TEL:046-824-7141</t>
    <phoneticPr fontId="1"/>
  </si>
  <si>
    <t>横須賀市立うわまち病院（医療相談室）</t>
    <phoneticPr fontId="1"/>
  </si>
  <si>
    <t>在宅療養相談</t>
    <phoneticPr fontId="1"/>
  </si>
  <si>
    <t>TEL:046-823-2630</t>
    <phoneticPr fontId="1"/>
  </si>
  <si>
    <t>（代表）　※現在の主治医とご相談の上ご利用ください。</t>
    <phoneticPr fontId="1"/>
  </si>
  <si>
    <t>https://www.jadecomhp-uwamachi.jp/</t>
    <phoneticPr fontId="1"/>
  </si>
  <si>
    <t>社会福祉法人青い鳥（横須賀市療育相談センター地域生活支援課）</t>
    <phoneticPr fontId="1"/>
  </si>
  <si>
    <t>療育相談</t>
    <phoneticPr fontId="1"/>
  </si>
  <si>
    <t>（療育、障害児通園）</t>
    <phoneticPr fontId="1"/>
  </si>
  <si>
    <t>TEL:046-822-6741（直通）　※　現在の主治医とご相談の上ご利用下さい。</t>
    <phoneticPr fontId="1"/>
  </si>
  <si>
    <t>http://www.aoitori-y.jp/yokosuka-ryoiku/</t>
    <phoneticPr fontId="1"/>
  </si>
  <si>
    <t>平塚市</t>
    <phoneticPr fontId="1"/>
  </si>
  <si>
    <t>こども発達支援室　くれよん（こども家庭課発達支援担当）</t>
    <phoneticPr fontId="1"/>
  </si>
  <si>
    <t>障害福祉</t>
  </si>
  <si>
    <t>（未就学児療育相談等）</t>
    <phoneticPr fontId="1"/>
  </si>
  <si>
    <t>（18歳未満対象）</t>
  </si>
  <si>
    <t>TEL:0463-32-2738</t>
    <phoneticPr fontId="1"/>
  </si>
  <si>
    <t>福祉部 障がい福祉課</t>
    <phoneticPr fontId="1"/>
  </si>
  <si>
    <t>（18歳以上対象）</t>
    <phoneticPr fontId="1"/>
  </si>
  <si>
    <t>TEL:0463-21-8774</t>
    <phoneticPr fontId="1"/>
  </si>
  <si>
    <t>http://www.city.hiratsuka.kanagawa.jp/fukushi/shogai.html</t>
    <phoneticPr fontId="1"/>
  </si>
  <si>
    <t>健康・こども部 健康課（保健センター）</t>
    <phoneticPr fontId="1"/>
  </si>
  <si>
    <t>（母子保健など）</t>
    <phoneticPr fontId="1"/>
  </si>
  <si>
    <t>TEL:0463-55-2111</t>
    <phoneticPr fontId="1"/>
  </si>
  <si>
    <t>http://www.city.hiratsuka.kanagawa.jp/kenko/index.html</t>
    <phoneticPr fontId="1"/>
  </si>
  <si>
    <t>平塚市子ども教育相談センター</t>
    <phoneticPr fontId="1"/>
  </si>
  <si>
    <t>（就学相談など）</t>
    <phoneticPr fontId="1"/>
  </si>
  <si>
    <t>TEL:0463-36-6012</t>
    <phoneticPr fontId="1"/>
  </si>
  <si>
    <t>http://www.city.hiratsuka.kanagawa.jp/kyoiku/page-c_02164.html</t>
    <phoneticPr fontId="1"/>
  </si>
  <si>
    <t>（計画相談支援など）</t>
    <phoneticPr fontId="1"/>
  </si>
  <si>
    <t>TEL:0463-37-1776</t>
    <phoneticPr fontId="1"/>
  </si>
  <si>
    <t>鎌倉市</t>
    <phoneticPr fontId="1"/>
  </si>
  <si>
    <t>こどもみらい部 発達支援室</t>
    <phoneticPr fontId="1"/>
  </si>
  <si>
    <t>（発達相談など）</t>
    <phoneticPr fontId="1"/>
  </si>
  <si>
    <t>https://www.city.kamakura.kanagawa.jp/hattatsu/tattatsu_top.html</t>
    <phoneticPr fontId="1"/>
  </si>
  <si>
    <t>健康福祉部 障害福祉課</t>
    <phoneticPr fontId="1"/>
  </si>
  <si>
    <t>http://www.city.kamakura.kanagawa.jp/kenkou/fukushi/shougaisha/index.html</t>
    <phoneticPr fontId="1"/>
  </si>
  <si>
    <t>藤沢市</t>
    <phoneticPr fontId="1"/>
  </si>
  <si>
    <t>子ども青少年部 子ども家庭課</t>
    <phoneticPr fontId="1"/>
  </si>
  <si>
    <t>（福祉サービスの相談も可）</t>
    <phoneticPr fontId="1"/>
  </si>
  <si>
    <t>TEL:0466-25-1111</t>
    <phoneticPr fontId="1"/>
  </si>
  <si>
    <t>https://www.city.fujisawa.kanagawa.jp/kodomo-ss/index.html</t>
    <phoneticPr fontId="1"/>
  </si>
  <si>
    <t>TEL:0466-50-3522</t>
    <phoneticPr fontId="1"/>
  </si>
  <si>
    <t>（直通）</t>
    <phoneticPr fontId="1"/>
  </si>
  <si>
    <t>教育部 教育指導課</t>
    <phoneticPr fontId="1"/>
  </si>
  <si>
    <t>http://www.city.fujisawa.kanagawa.jp/sidouka/index.html</t>
    <phoneticPr fontId="1"/>
  </si>
  <si>
    <t>地域福祉支援センター・マロニエ</t>
    <phoneticPr fontId="1"/>
  </si>
  <si>
    <t>（委託相談支援事業所）</t>
    <phoneticPr fontId="1"/>
  </si>
  <si>
    <t>TEL:0466-87-2800</t>
    <phoneticPr fontId="1"/>
  </si>
  <si>
    <t>小田原市</t>
    <phoneticPr fontId="1"/>
  </si>
  <si>
    <t>小田原市 健康づくり課 ( 小田原市保健センター）</t>
    <phoneticPr fontId="1"/>
  </si>
  <si>
    <t>TEL:0465-47-4722</t>
    <phoneticPr fontId="1"/>
  </si>
  <si>
    <t>http://www.city.odawara.kanagawa.jp/</t>
    <phoneticPr fontId="1"/>
  </si>
  <si>
    <t>福祉健康部 障がい福祉課</t>
    <phoneticPr fontId="1"/>
  </si>
  <si>
    <t>TEL:0465-33-1467</t>
    <phoneticPr fontId="1"/>
  </si>
  <si>
    <t>（療育相談、発達相談など）</t>
    <phoneticPr fontId="1"/>
  </si>
  <si>
    <t>茅ヶ崎市</t>
    <phoneticPr fontId="1"/>
  </si>
  <si>
    <t>TEL:0467-82-1111</t>
    <phoneticPr fontId="1"/>
  </si>
  <si>
    <t>http://www.city.chigasaki.kanagawa.jp/soshiki/1009917.html</t>
    <phoneticPr fontId="1"/>
  </si>
  <si>
    <t>保健所　健康増進課</t>
    <phoneticPr fontId="1"/>
  </si>
  <si>
    <t>（母子保健について）</t>
    <phoneticPr fontId="1"/>
  </si>
  <si>
    <t>TEL:0467-38-3331</t>
    <phoneticPr fontId="1"/>
  </si>
  <si>
    <t>http://www.city.chigasaki.kanagawa.jp/soshiki/1023526.html</t>
    <phoneticPr fontId="1"/>
  </si>
  <si>
    <t>逗子市</t>
    <phoneticPr fontId="1"/>
  </si>
  <si>
    <t>逗子市療育教育総合センター（こども発達支援センター）</t>
    <phoneticPr fontId="1"/>
  </si>
  <si>
    <t>TEL:046-872-2523</t>
    <phoneticPr fontId="1"/>
  </si>
  <si>
    <t>http://www.city.zushi.kanagawa.jp/syokan/hinata/</t>
    <phoneticPr fontId="1"/>
  </si>
  <si>
    <t>福祉部障がい福祉課障がい福祉係</t>
    <phoneticPr fontId="1"/>
  </si>
  <si>
    <t>TEL:046-872-8114</t>
    <phoneticPr fontId="1"/>
  </si>
  <si>
    <t>http://www.city.zushi.kanagawa.jp/syokan/syougai/</t>
    <phoneticPr fontId="1"/>
  </si>
  <si>
    <t>教育部子育て支援課 子育て支援係</t>
    <phoneticPr fontId="1"/>
  </si>
  <si>
    <t>母子保健</t>
    <phoneticPr fontId="1"/>
  </si>
  <si>
    <t>TEL:046-872-8117</t>
    <phoneticPr fontId="1"/>
  </si>
  <si>
    <t>http://www.city.zushi.kanagawa.jp/syokan/kosodate/top.html</t>
    <phoneticPr fontId="1"/>
  </si>
  <si>
    <t>教育部学校教育課</t>
    <phoneticPr fontId="1"/>
  </si>
  <si>
    <t>TEL:046-872-8152</t>
    <phoneticPr fontId="1"/>
  </si>
  <si>
    <t>http://www.city.zushi.kanagawa.jp/syokan/gakkou/</t>
    <phoneticPr fontId="1"/>
  </si>
  <si>
    <t>逗子市療育教育総合センター（教育研究相談センター）</t>
    <phoneticPr fontId="1"/>
  </si>
  <si>
    <t>教育相談</t>
    <phoneticPr fontId="1"/>
  </si>
  <si>
    <t>http://www.city.zushi.kanagawa.jp/syokan/kenkyu/</t>
    <phoneticPr fontId="1"/>
  </si>
  <si>
    <t>三浦市</t>
    <phoneticPr fontId="1"/>
  </si>
  <si>
    <t>保健福祉部 福祉課 障害福祉グループ</t>
    <phoneticPr fontId="1"/>
  </si>
  <si>
    <t>TEL:046-882-1111</t>
    <phoneticPr fontId="1"/>
  </si>
  <si>
    <t>http://www.city.miura.kanagawa.jp/fukushi/syougai_welfare_info.html</t>
    <phoneticPr fontId="1"/>
  </si>
  <si>
    <t>保健福祉部 子ども課</t>
    <phoneticPr fontId="1"/>
  </si>
  <si>
    <t>（子どもに関すること）</t>
  </si>
  <si>
    <t>http://www.city.miura.kanagawa.jp/kosodate/kosodatesienka_soudan.html</t>
    <phoneticPr fontId="1"/>
  </si>
  <si>
    <t>教育部 学校教育課</t>
    <phoneticPr fontId="1"/>
  </si>
  <si>
    <t>http://www.city.miura.kanagawa.jp/soshiki/gakkoukyouiku.html</t>
    <phoneticPr fontId="1"/>
  </si>
  <si>
    <t>保健福祉部 保険年金課</t>
    <phoneticPr fontId="1"/>
  </si>
  <si>
    <t>（医療費給付など）</t>
    <phoneticPr fontId="1"/>
  </si>
  <si>
    <t>http://www.city.miura.kanagawa.jp/hoken/shouni_index.html</t>
    <phoneticPr fontId="1"/>
  </si>
  <si>
    <t>秦野市</t>
    <phoneticPr fontId="1"/>
  </si>
  <si>
    <t>福祉部 障害福祉課</t>
    <phoneticPr fontId="1"/>
  </si>
  <si>
    <t>TEL:0463-82-7616</t>
    <phoneticPr fontId="1"/>
  </si>
  <si>
    <t>http://www.city.hadano.kanagawa.jp/www/contents/1001000004281/index.html</t>
    <phoneticPr fontId="1"/>
  </si>
  <si>
    <t>こども健康部 こども家庭支援課（親子健康担当）</t>
    <phoneticPr fontId="1"/>
  </si>
  <si>
    <t>TEL:0463-82-9604</t>
    <phoneticPr fontId="1"/>
  </si>
  <si>
    <t>http://www.city.hadano.kanagawa.jp/www/contents/1001000002451/index.html</t>
    <phoneticPr fontId="1"/>
  </si>
  <si>
    <t>厚木市</t>
    <phoneticPr fontId="1"/>
  </si>
  <si>
    <t>福祉部 障がい福祉課（障がい者支援第二係）</t>
    <phoneticPr fontId="1"/>
  </si>
  <si>
    <t>（障害福祉サービス）</t>
    <phoneticPr fontId="1"/>
  </si>
  <si>
    <t>TEL:046-225-2254</t>
    <phoneticPr fontId="1"/>
  </si>
  <si>
    <t>市民健康部 健康づくり課（母子保健係）</t>
    <phoneticPr fontId="1"/>
  </si>
  <si>
    <t xml:space="preserve">TEL:046-225-2597 </t>
    <phoneticPr fontId="1"/>
  </si>
  <si>
    <t>学校教育部教育指導課(教育指導係)</t>
    <phoneticPr fontId="1"/>
  </si>
  <si>
    <t>厚木市障害者総合相談室　ゆいはあと（厚木市障がい者基幹相談支援センター）</t>
    <phoneticPr fontId="1"/>
  </si>
  <si>
    <t>（障害福祉総合相談）</t>
    <phoneticPr fontId="1"/>
  </si>
  <si>
    <t>TEL:046-225-2904</t>
    <phoneticPr fontId="1"/>
  </si>
  <si>
    <t>厚木医師会在宅医療相談室　ル　リアン</t>
    <phoneticPr fontId="1"/>
  </si>
  <si>
    <t>大和市</t>
    <phoneticPr fontId="1"/>
  </si>
  <si>
    <t>TEL:046-260-5673</t>
    <phoneticPr fontId="1"/>
  </si>
  <si>
    <t>伊勢原市</t>
    <phoneticPr fontId="1"/>
  </si>
  <si>
    <t>保健福祉部 障がい福祉課</t>
    <phoneticPr fontId="1"/>
  </si>
  <si>
    <t>TEL:0463-94-4721</t>
    <phoneticPr fontId="1"/>
  </si>
  <si>
    <t>http://www.city.isehara.kanagawa.jp/docs/2014102900050/</t>
    <phoneticPr fontId="1"/>
  </si>
  <si>
    <t>子育て支援課</t>
    <phoneticPr fontId="1"/>
  </si>
  <si>
    <t>（医療費給付など）</t>
  </si>
  <si>
    <t>（母子保健：直通）</t>
    <rPh sb="6" eb="8">
      <t>チョクツウ</t>
    </rPh>
    <phoneticPr fontId="1"/>
  </si>
  <si>
    <t>TEL:0463-94-4633</t>
    <phoneticPr fontId="1"/>
  </si>
  <si>
    <t>（給付金等：直通）</t>
    <rPh sb="1" eb="4">
      <t>キュウフキン</t>
    </rPh>
    <rPh sb="4" eb="5">
      <t>トウ</t>
    </rPh>
    <rPh sb="6" eb="8">
      <t>チョクツウ</t>
    </rPh>
    <phoneticPr fontId="1"/>
  </si>
  <si>
    <t>http://www.city.isehara.kanagawa.jp/docs/2014041000026/</t>
    <phoneticPr fontId="1"/>
  </si>
  <si>
    <t>教育センター</t>
    <phoneticPr fontId="1"/>
  </si>
  <si>
    <t>TEL:0463-74-5253</t>
    <phoneticPr fontId="1"/>
  </si>
  <si>
    <t>http://www.city.isehara.kanagawa.jp/docs/2011040100054/</t>
    <phoneticPr fontId="1"/>
  </si>
  <si>
    <t>海老名市</t>
    <phoneticPr fontId="1"/>
  </si>
  <si>
    <t>保健福祉部 障がい福祉課（相談支援係）</t>
    <phoneticPr fontId="1"/>
  </si>
  <si>
    <t>TEL:046-235-4812</t>
    <phoneticPr fontId="1"/>
  </si>
  <si>
    <t>http://www.city.ebina.kanagawa.jp/shisei/soshiki/soshiki/hokenfukushi/1003968.html</t>
    <phoneticPr fontId="1"/>
  </si>
  <si>
    <t>保健福祉部 こども育成課</t>
    <phoneticPr fontId="1"/>
  </si>
  <si>
    <t>TEL:046-235-7885</t>
    <phoneticPr fontId="1"/>
  </si>
  <si>
    <t>http://www.city.ebina.kanagawa.jp/shisei/soshiki/soshiki/hokenfukushi/1006797.html</t>
    <phoneticPr fontId="1"/>
  </si>
  <si>
    <t>座間市</t>
    <phoneticPr fontId="1"/>
  </si>
  <si>
    <t>福祉部 障がい福祉課（障がい者支援係）</t>
    <phoneticPr fontId="1"/>
  </si>
  <si>
    <t>TEL:046-252-7132</t>
    <phoneticPr fontId="1"/>
  </si>
  <si>
    <t>http://www.city.zama.kanagawa.jp/www/genre/0000000000000/1000000000276/index.html</t>
    <phoneticPr fontId="1"/>
  </si>
  <si>
    <t>健康部 健康づくり課（保健予防係）</t>
    <phoneticPr fontId="1"/>
  </si>
  <si>
    <t>TEL:046-252-7225</t>
    <phoneticPr fontId="1"/>
  </si>
  <si>
    <t>http://www.city.zama.kanagawa.jp/www/genre/0000000000000/1000000000299/index.html</t>
    <phoneticPr fontId="1"/>
  </si>
  <si>
    <t>教育部 教育指導課（指導係）</t>
    <phoneticPr fontId="1"/>
  </si>
  <si>
    <t>TEL:046-252-8732</t>
    <phoneticPr fontId="1"/>
  </si>
  <si>
    <t>http://www.city.zama.kanagawa.jp/www/contents/1274082025421/index.html</t>
    <phoneticPr fontId="1"/>
  </si>
  <si>
    <t>南足柄市</t>
    <phoneticPr fontId="1"/>
  </si>
  <si>
    <t>福祉健康部 福祉課（障害福祉班）</t>
    <phoneticPr fontId="1"/>
  </si>
  <si>
    <t>TEL:0465-73-8047　</t>
    <phoneticPr fontId="1"/>
  </si>
  <si>
    <t>http://www.city.minamiashigara.kanagawa.jp/machi/soshiki/gyoumu/p03657.html</t>
    <phoneticPr fontId="1"/>
  </si>
  <si>
    <t>綾瀬市</t>
    <phoneticPr fontId="1"/>
  </si>
  <si>
    <t>福祉部 障がい福祉課 もみの木園</t>
    <phoneticPr fontId="1"/>
  </si>
  <si>
    <t>（障がい児相談）</t>
  </si>
  <si>
    <t>TEL:0467-76-6770</t>
    <phoneticPr fontId="1"/>
  </si>
  <si>
    <t>福祉部 障がい福祉課 障がい児者相談支援センター</t>
    <phoneticPr fontId="1"/>
  </si>
  <si>
    <t>（生活全般など）</t>
    <phoneticPr fontId="1"/>
  </si>
  <si>
    <t>（福祉サービス利用）</t>
  </si>
  <si>
    <t>TEL:0467-77-1118</t>
    <phoneticPr fontId="1"/>
  </si>
  <si>
    <t>福祉部 障がい福祉課 障がい福祉担当</t>
    <phoneticPr fontId="1"/>
  </si>
  <si>
    <t>（福祉サービス利用）</t>
    <phoneticPr fontId="1"/>
  </si>
  <si>
    <t>TEL:0467-70-5623</t>
    <phoneticPr fontId="1"/>
  </si>
  <si>
    <t>http://www.city.ayase.kanagawa.jp/</t>
    <phoneticPr fontId="1"/>
  </si>
  <si>
    <t>葉山町</t>
    <phoneticPr fontId="1"/>
  </si>
  <si>
    <t>葉山町 子ども育成課（子育て相談係）</t>
    <phoneticPr fontId="1"/>
  </si>
  <si>
    <t>TEL:046-876-1111</t>
    <phoneticPr fontId="1"/>
  </si>
  <si>
    <t>寒川町</t>
    <phoneticPr fontId="1"/>
  </si>
  <si>
    <t>TEL:0467-74-1111</t>
    <phoneticPr fontId="1"/>
  </si>
  <si>
    <t>大磯町</t>
    <phoneticPr fontId="1"/>
  </si>
  <si>
    <t>町民福祉部 スポーツ健康課（健康増進係）</t>
    <phoneticPr fontId="1"/>
  </si>
  <si>
    <t>TEL:0463-61-4100</t>
    <phoneticPr fontId="1"/>
  </si>
  <si>
    <t>http://www.town.oiso.kanagawa.jp/soshiki/chomin/sports/index.html</t>
    <phoneticPr fontId="1"/>
  </si>
  <si>
    <t>教育部 学校教育課（教育指導係）</t>
    <phoneticPr fontId="1"/>
  </si>
  <si>
    <t>http://www.town.oiso.kanagawa.jp/soshiki/kyoiku/gakkoukyouikuka/index.html</t>
    <phoneticPr fontId="1"/>
  </si>
  <si>
    <t>町民福祉部 子育て支援課（子育て支援係）</t>
    <phoneticPr fontId="1"/>
  </si>
  <si>
    <t>その他</t>
    <phoneticPr fontId="1"/>
  </si>
  <si>
    <t>http://www.town.oiso.kanagawa.jp/soshiki/chomin/kosodate/index.html</t>
    <phoneticPr fontId="1"/>
  </si>
  <si>
    <t>町民福祉部 子育て支援課（子育て支援総合センター）</t>
    <phoneticPr fontId="1"/>
  </si>
  <si>
    <t>（育児・療育相談など）</t>
    <phoneticPr fontId="1"/>
  </si>
  <si>
    <t>TEL:0463-71-3377</t>
    <phoneticPr fontId="1"/>
  </si>
  <si>
    <t>http://www.town.oiso.kanagawa.jp/soshiki/chomin/kosodate/tanto/shiencenter/index.html</t>
    <phoneticPr fontId="1"/>
  </si>
  <si>
    <t>二宮町</t>
    <phoneticPr fontId="1"/>
  </si>
  <si>
    <t>健康福祉部 福祉保険課（福祉・障がい者支援班）</t>
    <phoneticPr fontId="1"/>
  </si>
  <si>
    <t>http://www.town.ninomiya.kanagawa.jp/soshiki/kenkofukushi/fukushihoken/fukushi_shogaishashien/index.html</t>
    <phoneticPr fontId="1"/>
  </si>
  <si>
    <t>健康福祉部子育て・健康課</t>
    <phoneticPr fontId="1"/>
  </si>
  <si>
    <t>（保育、子育てなど）</t>
    <phoneticPr fontId="1"/>
  </si>
  <si>
    <t>http://www.town.ninomiya.kanagawa.jp/soshiki/kenkofukushi/kosodate_kenkou/index.html</t>
    <phoneticPr fontId="1"/>
  </si>
  <si>
    <t>教育委員会 教育総務課（指導班）</t>
    <phoneticPr fontId="1"/>
  </si>
  <si>
    <t>http://www.town.ninomiya.kanagawa.jp/soshiki/kyoikuiinkai/kyoikusomu/shido/index.html</t>
    <phoneticPr fontId="1"/>
  </si>
  <si>
    <t>中井町</t>
    <phoneticPr fontId="1"/>
  </si>
  <si>
    <t>福祉課（福祉班）</t>
    <phoneticPr fontId="1"/>
  </si>
  <si>
    <t>TEL:0465-81-5548</t>
    <phoneticPr fontId="1"/>
  </si>
  <si>
    <t>https://www.town.nakai.kanagawa.jp/forms/info/info.aspx?info_id=3923</t>
    <phoneticPr fontId="1"/>
  </si>
  <si>
    <t>健康課（健康づくり班）</t>
    <phoneticPr fontId="1"/>
  </si>
  <si>
    <t>TEL:0465-81-5546</t>
    <phoneticPr fontId="1"/>
  </si>
  <si>
    <t>大井町</t>
    <phoneticPr fontId="1"/>
  </si>
  <si>
    <t>子育て健康課</t>
    <phoneticPr fontId="1"/>
  </si>
  <si>
    <t>（18歳まで）</t>
    <phoneticPr fontId="1"/>
  </si>
  <si>
    <t>TEL:0465-83-8012</t>
    <phoneticPr fontId="1"/>
  </si>
  <si>
    <t>https://www.town.oi.kanagawa.jp/soshiki/8/</t>
    <phoneticPr fontId="1"/>
  </si>
  <si>
    <t>TEL:0465-83-8024</t>
    <phoneticPr fontId="1"/>
  </si>
  <si>
    <t>https://www.town.oi.kanagawa.jp/soshiki/7/</t>
    <phoneticPr fontId="1"/>
  </si>
  <si>
    <t>松田町</t>
    <phoneticPr fontId="1"/>
  </si>
  <si>
    <t>TEL:0465-83-1226</t>
    <phoneticPr fontId="1"/>
  </si>
  <si>
    <t>https://town.matsuda.kanagawa.jp/soshiki/7/</t>
    <phoneticPr fontId="1"/>
  </si>
  <si>
    <t>（児童相談、育児相談など）</t>
    <phoneticPr fontId="1"/>
  </si>
  <si>
    <t>TEL:0465-84-5544</t>
    <phoneticPr fontId="1"/>
  </si>
  <si>
    <t>(直通）</t>
    <rPh sb="1" eb="3">
      <t>チョクツウ</t>
    </rPh>
    <phoneticPr fontId="1"/>
  </si>
  <si>
    <t>https://town.matsuda.kanagawa.jp/soshiki/8/</t>
    <phoneticPr fontId="1"/>
  </si>
  <si>
    <t>山北町</t>
    <phoneticPr fontId="1"/>
  </si>
  <si>
    <t>（障害福祉全般）</t>
    <phoneticPr fontId="1"/>
  </si>
  <si>
    <t>TEL:0465-75-3644</t>
    <phoneticPr fontId="1"/>
  </si>
  <si>
    <t>開成町</t>
    <phoneticPr fontId="1"/>
  </si>
  <si>
    <t>TEL:0465-84-0316</t>
    <phoneticPr fontId="1"/>
  </si>
  <si>
    <t>箱根町</t>
    <phoneticPr fontId="1"/>
  </si>
  <si>
    <t>福祉部 福祉課（障がい福祉係）</t>
    <phoneticPr fontId="1"/>
  </si>
  <si>
    <t>TEL:0460-85-7790</t>
    <phoneticPr fontId="1"/>
  </si>
  <si>
    <t>https://www.town.hakone.kanagawa.jp/sections/index.cfm?footer=9</t>
    <phoneticPr fontId="1"/>
  </si>
  <si>
    <t>（小児医療費給付など）</t>
  </si>
  <si>
    <t>TEL:0460-85-9595</t>
    <phoneticPr fontId="1"/>
  </si>
  <si>
    <t>https://www.town.hakone.kanagawa.jp/sections/index.cfm?footer=10</t>
    <phoneticPr fontId="1"/>
  </si>
  <si>
    <t>真鶴町</t>
    <phoneticPr fontId="1"/>
  </si>
  <si>
    <t>TEL:0465-68-1131</t>
    <phoneticPr fontId="1"/>
  </si>
  <si>
    <t>（代表）</t>
    <phoneticPr fontId="1"/>
  </si>
  <si>
    <t>教育課</t>
    <phoneticPr fontId="1"/>
  </si>
  <si>
    <t>http://www.town.manazuru.kanagawa.jp/soshiki/kyouiku/</t>
    <phoneticPr fontId="1"/>
  </si>
  <si>
    <t>湯河原町</t>
    <phoneticPr fontId="1"/>
  </si>
  <si>
    <t>社会福祉課（障がい福祉係）</t>
    <phoneticPr fontId="1"/>
  </si>
  <si>
    <t>TEL:0465-63-2111</t>
    <phoneticPr fontId="1"/>
  </si>
  <si>
    <t>愛川町</t>
    <phoneticPr fontId="1"/>
  </si>
  <si>
    <t>TEL:046-285-6970</t>
    <phoneticPr fontId="1"/>
  </si>
  <si>
    <t>民生部 福祉支援課（障害福祉班）</t>
    <phoneticPr fontId="1"/>
  </si>
  <si>
    <t>TEL:046-285-6928</t>
    <phoneticPr fontId="1"/>
  </si>
  <si>
    <t>http://www.town.aikawa.kanagawa.jp/soshiki/minsei/fukushi_suishin/index.html</t>
    <phoneticPr fontId="1"/>
  </si>
  <si>
    <t>TEL:046-206-1061</t>
    <phoneticPr fontId="1"/>
  </si>
  <si>
    <t>清川村</t>
    <phoneticPr fontId="1"/>
  </si>
  <si>
    <t>保健福祉課</t>
    <phoneticPr fontId="1"/>
  </si>
  <si>
    <t>（小児医療費助成など）</t>
  </si>
  <si>
    <t>TEL:046-281-3861</t>
    <phoneticPr fontId="1"/>
  </si>
  <si>
    <t>学校教育課</t>
    <phoneticPr fontId="1"/>
  </si>
  <si>
    <t>TEL:046-288-1215</t>
    <phoneticPr fontId="1"/>
  </si>
  <si>
    <t>各区子育て支援センター（療育相談班）</t>
    <rPh sb="0" eb="2">
      <t>カクク</t>
    </rPh>
    <rPh sb="2" eb="4">
      <t>コソダ</t>
    </rPh>
    <rPh sb="5" eb="7">
      <t>シエン</t>
    </rPh>
    <rPh sb="12" eb="14">
      <t>リョウイク</t>
    </rPh>
    <rPh sb="14" eb="16">
      <t>ソウダン</t>
    </rPh>
    <rPh sb="16" eb="17">
      <t>ハン</t>
    </rPh>
    <phoneticPr fontId="1"/>
  </si>
  <si>
    <t>https://www.city.sagamihara.kanagawa.jp/kurashi/sodan/1006066.html</t>
    <phoneticPr fontId="1"/>
  </si>
  <si>
    <t>こども家庭支援センター 児童相談課（相談係）</t>
    <phoneticPr fontId="1"/>
  </si>
  <si>
    <t xml:space="preserve">http://www.city.yokosuka.kanagawa.jp/3920/index.html </t>
    <phoneticPr fontId="1"/>
  </si>
  <si>
    <t>TEL:046-822-8249</t>
    <phoneticPr fontId="1"/>
  </si>
  <si>
    <t>TEL:中央）046-824-7632　北）046-861-4118　南）046-836-1511　西）046-856-0719</t>
    <phoneticPr fontId="1"/>
  </si>
  <si>
    <t>しせん相談室ひらつか</t>
    <rPh sb="3" eb="5">
      <t>ソウダン</t>
    </rPh>
    <rPh sb="5" eb="6">
      <t>シツ</t>
    </rPh>
    <phoneticPr fontId="1"/>
  </si>
  <si>
    <t>TEL:0467-61-3944</t>
    <phoneticPr fontId="1"/>
  </si>
  <si>
    <t>http://shonanmaronie.com/chiikifukushi/</t>
    <phoneticPr fontId="1"/>
  </si>
  <si>
    <t>子ども青少年部子ども青少年支援課（おだわら子ども若者教育支援センター）</t>
    <phoneticPr fontId="1"/>
  </si>
  <si>
    <t>TEL:0465-46-6787</t>
    <phoneticPr fontId="1"/>
  </si>
  <si>
    <t>教育部教育指導課教育相談係（おだわら子ども若者教育支援センター内）</t>
    <phoneticPr fontId="1"/>
  </si>
  <si>
    <t>TEL:0465-46-6034</t>
    <phoneticPr fontId="1"/>
  </si>
  <si>
    <t>TEL:046-872-2898・9498</t>
    <phoneticPr fontId="1"/>
  </si>
  <si>
    <t>（直通）</t>
    <phoneticPr fontId="1"/>
  </si>
  <si>
    <t>町民福祉部 福祉課(障がい福祉係)</t>
    <rPh sb="6" eb="9">
      <t>フクシカ</t>
    </rPh>
    <rPh sb="10" eb="11">
      <t>ショウ</t>
    </rPh>
    <rPh sb="13" eb="15">
      <t>フクシ</t>
    </rPh>
    <rPh sb="15" eb="16">
      <t>カカリ</t>
    </rPh>
    <phoneticPr fontId="1"/>
  </si>
  <si>
    <t>http://www.town.oiso.kanagawa.jp/soshiki/chomin/hukushi/tanto/syougaihukushi/index.html</t>
    <phoneticPr fontId="1"/>
  </si>
  <si>
    <t>TEL:0463-75-9289</t>
    <phoneticPr fontId="1"/>
  </si>
  <si>
    <t>TEL:0463-71-7100</t>
    <phoneticPr fontId="1"/>
  </si>
  <si>
    <t>TEL:0463-75-9261</t>
    <phoneticPr fontId="1"/>
  </si>
  <si>
    <t>福祉課</t>
    <phoneticPr fontId="1"/>
  </si>
  <si>
    <t>http://atsugi-ishikai.or.jp/detail/detail.html?id=8&amp;notice_id=56</t>
    <phoneticPr fontId="1"/>
  </si>
  <si>
    <t>TEL:0463-94-4637</t>
    <phoneticPr fontId="1"/>
  </si>
  <si>
    <t>http://www.city.hiratsuka.kanagawa.jp/kodomo/page-c_00246.html</t>
    <phoneticPr fontId="1"/>
  </si>
  <si>
    <t>https://shisen.or.jp/chiiki-shien-center/soudan/</t>
    <phoneticPr fontId="1"/>
  </si>
  <si>
    <t>教育委員会教育局学校教育部　青少年相談センター</t>
    <phoneticPr fontId="1"/>
  </si>
  <si>
    <t>https://www.city.sagamihara.kanagawa.jp/kurashi/sodan/1006056.html</t>
    <phoneticPr fontId="1"/>
  </si>
  <si>
    <t>https://www.city.kawasaki.jp/450/page/0000040733.html</t>
    <phoneticPr fontId="1"/>
  </si>
  <si>
    <t>http://www.city.sagamihara.kanagawa.jp/kurashi/fukushi/shogai/index.html</t>
    <phoneticPr fontId="1"/>
  </si>
  <si>
    <t>（医療費給付等）</t>
    <rPh sb="1" eb="4">
      <t>イリョウヒ</t>
    </rPh>
    <rPh sb="4" eb="6">
      <t>キュウフ</t>
    </rPh>
    <rPh sb="6" eb="7">
      <t>トウ</t>
    </rPh>
    <phoneticPr fontId="1"/>
  </si>
  <si>
    <t>健康医療部　健康づくり課</t>
    <phoneticPr fontId="1"/>
  </si>
  <si>
    <t>http://www.city.fujisawa.kanagawa.jp/kenko-z/</t>
    <phoneticPr fontId="1"/>
  </si>
  <si>
    <t>障がい福祉</t>
    <phoneticPr fontId="1"/>
  </si>
  <si>
    <t>福祉部　障がい福祉課</t>
    <phoneticPr fontId="1"/>
  </si>
  <si>
    <t>こども部ほいく課</t>
    <phoneticPr fontId="1"/>
  </si>
  <si>
    <t>その他</t>
    <rPh sb="2" eb="3">
      <t>タ</t>
    </rPh>
    <phoneticPr fontId="1"/>
  </si>
  <si>
    <t>（保育園）</t>
    <rPh sb="1" eb="4">
      <t>ホイクエン</t>
    </rPh>
    <phoneticPr fontId="1"/>
  </si>
  <si>
    <t>相談支援センター松風園</t>
    <phoneticPr fontId="1"/>
  </si>
  <si>
    <t>TEL：046-272-0040</t>
    <phoneticPr fontId="1"/>
  </si>
  <si>
    <t>http://www.oak.or.jp/office/#soudan</t>
    <phoneticPr fontId="1"/>
  </si>
  <si>
    <t>葉山町教育委員会教育研究所</t>
    <phoneticPr fontId="1"/>
  </si>
  <si>
    <t>教育</t>
    <phoneticPr fontId="1"/>
  </si>
  <si>
    <t>（母子保健）</t>
    <rPh sb="1" eb="3">
      <t>ボシ</t>
    </rPh>
    <rPh sb="3" eb="5">
      <t>ホケン</t>
    </rPh>
    <phoneticPr fontId="1"/>
  </si>
  <si>
    <t>https://www.town.nakai.kanagawa.jp/forms/menugrouptop/menugrouptop.aspx?menugroup_id=104</t>
    <phoneticPr fontId="1"/>
  </si>
  <si>
    <t>（母子保健）</t>
    <phoneticPr fontId="1"/>
  </si>
  <si>
    <t>保健</t>
    <phoneticPr fontId="1"/>
  </si>
  <si>
    <t>TEL:0465-75-0822</t>
    <phoneticPr fontId="1"/>
  </si>
  <si>
    <t>https://www.town.kaisei.kanagawa.jp/forms/menutop/menutop.aspx?menu_id=163</t>
    <phoneticPr fontId="1"/>
  </si>
  <si>
    <t>福祉介護課</t>
    <phoneticPr fontId="1"/>
  </si>
  <si>
    <t>http://www.town.manazuru.kanagawa.jp/</t>
    <phoneticPr fontId="1"/>
  </si>
  <si>
    <t>福祉課（子育て支援係、町民支援係）</t>
    <phoneticPr fontId="1"/>
  </si>
  <si>
    <t>民生部 健康推進課（すこやか保健班）</t>
    <phoneticPr fontId="1"/>
  </si>
  <si>
    <t>https://www.town.aikawa.kanagawa.jp/soshiki/minsei/kenko_suishin/index.html</t>
    <phoneticPr fontId="1"/>
  </si>
  <si>
    <t>（医療）</t>
    <rPh sb="1" eb="3">
      <t>イリョウ</t>
    </rPh>
    <phoneticPr fontId="1"/>
  </si>
  <si>
    <t>(母子保健)</t>
    <rPh sb="1" eb="3">
      <t>ボシ</t>
    </rPh>
    <rPh sb="3" eb="5">
      <t>ホケン</t>
    </rPh>
    <phoneticPr fontId="1"/>
  </si>
  <si>
    <r>
      <rPr>
        <sz val="10"/>
        <color theme="1"/>
        <rFont val="ＭＳ Ｐゴシック"/>
        <family val="3"/>
        <charset val="128"/>
        <scheme val="minor"/>
      </rPr>
      <t>横浜、川崎、相模原</t>
    </r>
    <r>
      <rPr>
        <sz val="11"/>
        <color theme="1"/>
        <rFont val="ＭＳ Ｐゴシック"/>
        <family val="2"/>
        <scheme val="minor"/>
      </rPr>
      <t xml:space="preserve">
（政令市）</t>
    </r>
    <rPh sb="0" eb="2">
      <t>ヨコハマ</t>
    </rPh>
    <rPh sb="3" eb="5">
      <t>カワサキ</t>
    </rPh>
    <rPh sb="6" eb="9">
      <t>サガミハラ</t>
    </rPh>
    <rPh sb="11" eb="14">
      <t>セイレイシ</t>
    </rPh>
    <phoneticPr fontId="1"/>
  </si>
  <si>
    <t>子育て健康課</t>
    <phoneticPr fontId="1"/>
  </si>
  <si>
    <t>http://www.town.samukawa.kanagawa.jp/soshiki/fukushi/fukushi/shogaifukushi/info/index.html</t>
    <phoneticPr fontId="1"/>
  </si>
  <si>
    <t>健康福祉部 福祉課（障がい福祉担当）</t>
    <rPh sb="0" eb="2">
      <t>ケンコウ</t>
    </rPh>
    <phoneticPr fontId="1"/>
  </si>
  <si>
    <t>学び育成部 子育て支援課</t>
    <phoneticPr fontId="1"/>
  </si>
  <si>
    <t>TEL:0467-74-1111（内線164）</t>
    <phoneticPr fontId="1"/>
  </si>
  <si>
    <t>http://www.town.samukawa.kanagawa.jp/soshiki/manabi/kosodatesienka/nobisuku/tantouzyouhou/index.html</t>
    <phoneticPr fontId="1"/>
  </si>
  <si>
    <t>民生局福祉こども部障害福祉課計画係</t>
    <phoneticPr fontId="1"/>
  </si>
  <si>
    <t>https://www.city.yokosuka.kanagawa.jp/2625/index.html</t>
    <phoneticPr fontId="1"/>
  </si>
  <si>
    <t>（就学相談）</t>
    <rPh sb="1" eb="3">
      <t>シュウガク</t>
    </rPh>
    <rPh sb="3" eb="5">
      <t>ソウダン</t>
    </rPh>
    <phoneticPr fontId="1"/>
  </si>
  <si>
    <t>民生部健康部地域健康課総務・母子保健担当</t>
    <rPh sb="0" eb="2">
      <t>ミンセイ</t>
    </rPh>
    <phoneticPr fontId="1"/>
  </si>
  <si>
    <t>http://www.city.yokosuka.kanagawa.jp/3145/index.html</t>
    <phoneticPr fontId="1"/>
  </si>
  <si>
    <t>TEL:0467-23-5130（直通）</t>
    <phoneticPr fontId="1"/>
  </si>
  <si>
    <t>健康福祉部　市民健康課「ネウボラすくすく」</t>
    <phoneticPr fontId="1"/>
  </si>
  <si>
    <t>（母子保健）</t>
    <rPh sb="1" eb="3">
      <t>ボシ</t>
    </rPh>
    <rPh sb="3" eb="5">
      <t>ホケン</t>
    </rPh>
    <phoneticPr fontId="1"/>
  </si>
  <si>
    <t>https://www.city.kamakura.kanagawa.jp/kisya/data/2020/20200401.html</t>
    <phoneticPr fontId="1"/>
  </si>
  <si>
    <t>こどもみらい部　こども相談課</t>
    <phoneticPr fontId="1"/>
  </si>
  <si>
    <t>給付金</t>
    <rPh sb="0" eb="3">
      <t>キュウフキン</t>
    </rPh>
    <phoneticPr fontId="1"/>
  </si>
  <si>
    <t>各種相談</t>
    <rPh sb="0" eb="2">
      <t>カクシュ</t>
    </rPh>
    <rPh sb="2" eb="4">
      <t>ソウダン</t>
    </rPh>
    <phoneticPr fontId="1"/>
  </si>
  <si>
    <t>（手当等）</t>
    <rPh sb="1" eb="3">
      <t>テアテ</t>
    </rPh>
    <rPh sb="3" eb="4">
      <t>トウ</t>
    </rPh>
    <phoneticPr fontId="1"/>
  </si>
  <si>
    <t>TEL:0467-61-3974（直通）</t>
    <phoneticPr fontId="1"/>
  </si>
  <si>
    <t>TEL:0467-23-0630（直通）</t>
    <phoneticPr fontId="1"/>
  </si>
  <si>
    <t>-</t>
    <phoneticPr fontId="1"/>
  </si>
  <si>
    <t>こどもみらい部　保育課</t>
    <phoneticPr fontId="1"/>
  </si>
  <si>
    <t>保育</t>
    <rPh sb="0" eb="2">
      <t>ホイク</t>
    </rPh>
    <phoneticPr fontId="1"/>
  </si>
  <si>
    <t>TEL:0467-61-3894（直通）</t>
    <phoneticPr fontId="1"/>
  </si>
  <si>
    <t>教育文化財部　教育指導課</t>
    <phoneticPr fontId="1"/>
  </si>
  <si>
    <t>教育</t>
    <phoneticPr fontId="1"/>
  </si>
  <si>
    <t>TEL:0467-61-3812（直通）</t>
    <phoneticPr fontId="1"/>
  </si>
  <si>
    <t>http://www.town.yamakita.kanagawa.jp</t>
    <phoneticPr fontId="1"/>
  </si>
  <si>
    <t>https://www.town.kiyokawa.kanagawa.jp/health_welfare/hukushi/index.html</t>
    <phoneticPr fontId="1"/>
  </si>
  <si>
    <t>https://www.town.kiyokawa.kanagawa.jp/Parenting_education/gakko/index.html</t>
    <phoneticPr fontId="1"/>
  </si>
  <si>
    <t>こども部すくすく子育て課発達支援係</t>
    <phoneticPr fontId="1"/>
  </si>
  <si>
    <t xml:space="preserve">https://www.city.yamato.lg.jp/section/ehon_no_machi/public/download/iryoutekicare.pdf </t>
    <phoneticPr fontId="1"/>
  </si>
  <si>
    <t>教育委員会　特別支援教育センター「アンダンテ」</t>
    <phoneticPr fontId="1"/>
  </si>
  <si>
    <t>TEL:046-273-8353</t>
    <phoneticPr fontId="1"/>
  </si>
  <si>
    <t>https://www.city.yamato.lg.jp/section/ehon_no_machi/age/G/G00011.html</t>
    <phoneticPr fontId="1"/>
  </si>
  <si>
    <t>TEL：046-260-5672（直通）</t>
    <phoneticPr fontId="1"/>
  </si>
  <si>
    <t>https://www.city.yamato.lg.jp/section/ehon_no_machi/purpose/O/O00013.html</t>
    <phoneticPr fontId="1"/>
  </si>
  <si>
    <t>https://www.town.yugawara.kanagawa.jp/</t>
    <phoneticPr fontId="1"/>
  </si>
  <si>
    <t>保健センター</t>
    <phoneticPr fontId="1"/>
  </si>
  <si>
    <t>（母子保健）</t>
    <rPh sb="1" eb="5">
      <t>ボシホケン</t>
    </rPh>
    <phoneticPr fontId="1"/>
  </si>
  <si>
    <t>（学齢期の医療的ケア児の就学について）</t>
    <phoneticPr fontId="1"/>
  </si>
  <si>
    <t>TEL:046－876-1111（内線7310）</t>
    <phoneticPr fontId="1"/>
  </si>
  <si>
    <t>福祉健康部 こども支援課（こども健康班）</t>
    <phoneticPr fontId="1"/>
  </si>
  <si>
    <t>TEL:0465-73-8377</t>
    <phoneticPr fontId="1"/>
  </si>
  <si>
    <t>http://www.city.minamiashigara.kanagawa.jp/machi/soshiki/gyoumu/p06805.html</t>
    <phoneticPr fontId="1"/>
  </si>
  <si>
    <t>https://www.city.atsugi.kanagawa.jp/soshiki/shogaifukushika/index.html</t>
    <phoneticPr fontId="1"/>
  </si>
  <si>
    <t>https://www.city.atsugi.kanagawa.jp/soshiki/kenkozukurika/index.html</t>
    <phoneticPr fontId="1"/>
  </si>
  <si>
    <t>（特別支援教育）</t>
    <rPh sb="1" eb="3">
      <t>トクベツ</t>
    </rPh>
    <rPh sb="3" eb="5">
      <t>シエン</t>
    </rPh>
    <rPh sb="5" eb="7">
      <t>キョウイク</t>
    </rPh>
    <phoneticPr fontId="1"/>
  </si>
  <si>
    <t>TEL:046-225-2660</t>
    <phoneticPr fontId="1"/>
  </si>
  <si>
    <t>https://www.city.atsugi.kanagawa.jp/soshiki/kyoikushidoka/index.html</t>
    <phoneticPr fontId="1"/>
  </si>
  <si>
    <t>https://www.city.atsugi.kanagawa.jp/iryo_fukushi/shogaisha/5/11/13794.html</t>
    <phoneticPr fontId="1"/>
  </si>
  <si>
    <t>こども・若者未来局 こども家庭課、子育て給付課、各区子育て支援センター</t>
    <phoneticPr fontId="1"/>
  </si>
  <si>
    <t>http://www.city.sagamihara.kanagawa.jp/kurashi/kosodate/teate_josei/index.html</t>
    <phoneticPr fontId="1"/>
  </si>
  <si>
    <t>各区子育て支援センター（子育てサービス班）、保育課（教育・保育支援班）</t>
    <phoneticPr fontId="1"/>
  </si>
  <si>
    <t>（保育所等利用相談）</t>
    <phoneticPr fontId="1"/>
  </si>
  <si>
    <t>（緑区）042-775-8813　（中央区）042-769-9267　</t>
    <phoneticPr fontId="1"/>
  </si>
  <si>
    <t>（南区）042-701-7723　（保育課）042-769-8340</t>
    <phoneticPr fontId="1"/>
  </si>
  <si>
    <t>http://www.city.sagamihara.kanagawa.jp/kurashi/kosodate/hoikuen/1025044.html</t>
    <phoneticPr fontId="1"/>
  </si>
  <si>
    <t>医療的ケア児等コーディネーター（緑・南障害者相談支援キーステーション）</t>
    <rPh sb="0" eb="3">
      <t>イリョウテキ</t>
    </rPh>
    <rPh sb="5" eb="6">
      <t>ジ</t>
    </rPh>
    <rPh sb="6" eb="7">
      <t>トウ</t>
    </rPh>
    <rPh sb="16" eb="17">
      <t>ミドリ</t>
    </rPh>
    <rPh sb="18" eb="19">
      <t>ミナミ</t>
    </rPh>
    <rPh sb="19" eb="22">
      <t>ショウガイシャ</t>
    </rPh>
    <rPh sb="22" eb="24">
      <t>ソウダン</t>
    </rPh>
    <rPh sb="24" eb="26">
      <t>シエン</t>
    </rPh>
    <phoneticPr fontId="1"/>
  </si>
  <si>
    <t>お住まいや手続きにより相談先が異なります。詳しくはHPへ。</t>
    <phoneticPr fontId="1"/>
  </si>
  <si>
    <t>お住まいや手続きにより相談先が異なります。詳しくはHPへ。</t>
    <phoneticPr fontId="1"/>
  </si>
  <si>
    <t>https://www.city.sagamihara.kanagawa.jp/kurashi/kosodate/jyoho/1025051.html</t>
    <phoneticPr fontId="1"/>
  </si>
  <si>
    <t xml:space="preserve">教育委員会　指導室 </t>
    <phoneticPr fontId="1"/>
  </si>
  <si>
    <t>https://www.town.aikawa.kanagawa.jp/soshiki/kyouikuiinkai/shido/index.html</t>
    <phoneticPr fontId="1"/>
  </si>
  <si>
    <t>TEL：046-240-0393（直通）</t>
    <rPh sb="17" eb="19">
      <t>チョクツウ</t>
    </rPh>
    <phoneticPr fontId="1"/>
  </si>
  <si>
    <t>https://www.city.ayase.kanagawa.jp/hp/page000032000/hpg000031977.htm</t>
    <phoneticPr fontId="1"/>
  </si>
  <si>
    <t>https://www.city.ayase.kanagawa.jp/hp/page000039400/hpg000039388.htm</t>
    <phoneticPr fontId="1"/>
  </si>
  <si>
    <t>TEL：0463-73-4530（直通）</t>
    <phoneticPr fontId="1"/>
  </si>
  <si>
    <t>（幼稚園）</t>
    <rPh sb="1" eb="4">
      <t>ヨウチエン</t>
    </rPh>
    <phoneticPr fontId="1"/>
  </si>
  <si>
    <t>（保育・子どもに関すること）</t>
    <phoneticPr fontId="1"/>
  </si>
  <si>
    <t>（母子保健）</t>
    <phoneticPr fontId="1"/>
  </si>
  <si>
    <t>（教育相談）</t>
    <rPh sb="1" eb="3">
      <t>キョウイク</t>
    </rPh>
    <rPh sb="3" eb="5">
      <t>ソウダン</t>
    </rPh>
    <phoneticPr fontId="1"/>
  </si>
  <si>
    <t>その他</t>
    <rPh sb="2" eb="3">
      <t>タ</t>
    </rPh>
    <phoneticPr fontId="1"/>
  </si>
  <si>
    <t>（個別支援）</t>
    <rPh sb="1" eb="3">
      <t>コベツ</t>
    </rPh>
    <rPh sb="3" eb="5">
      <t>シエン</t>
    </rPh>
    <phoneticPr fontId="1"/>
  </si>
  <si>
    <t>（医療的ケア児・者に関する専門相談窓口）</t>
    <phoneticPr fontId="1"/>
  </si>
  <si>
    <t>https://www.city.kawasaki.jp/350/page/0000131869.html</t>
    <phoneticPr fontId="1"/>
  </si>
  <si>
    <t>【川崎区・幸区・中原区】 044-223-6973</t>
    <phoneticPr fontId="1"/>
  </si>
  <si>
    <t>【高津区・宮前区・多摩区・麻生区】 044-281-0037</t>
    <phoneticPr fontId="1"/>
  </si>
  <si>
    <t>（児童福祉）</t>
    <rPh sb="1" eb="3">
      <t>ジドウ</t>
    </rPh>
    <rPh sb="3" eb="5">
      <t>フクシ</t>
    </rPh>
    <phoneticPr fontId="1"/>
  </si>
  <si>
    <t>お住まいの各区地域みまもり支援センター地域支援課へお問い合わせください。</t>
    <phoneticPr fontId="1"/>
  </si>
  <si>
    <t>各区役所地域みまもり支援センター　高齢・障害課（障害者支援係）</t>
    <phoneticPr fontId="1"/>
  </si>
  <si>
    <t>（障害福祉サービス）</t>
    <phoneticPr fontId="1"/>
  </si>
  <si>
    <t>お住まいの各区地域みまもり支援センター高齢・障害課（障害者支援係）へお問い合わせください。</t>
    <phoneticPr fontId="1"/>
  </si>
  <si>
    <t>http://www.city.kawasaki.jp/kurashi/category/23-2-0-0-0-0-0-0-0-0.html
https://www.city.kawasaki.jp/350/page/0000108731.html</t>
    <phoneticPr fontId="1"/>
  </si>
  <si>
    <t>川崎市総合教育センター</t>
    <phoneticPr fontId="1"/>
  </si>
  <si>
    <t>（就学相談）</t>
    <phoneticPr fontId="1"/>
  </si>
  <si>
    <t>URL https://kawasaki-edu.jp/</t>
    <phoneticPr fontId="1"/>
  </si>
  <si>
    <t>TEL:0466-50-3569</t>
    <phoneticPr fontId="1"/>
  </si>
  <si>
    <t>（直通）</t>
    <phoneticPr fontId="1"/>
  </si>
  <si>
    <t>（サービス利用に関すること）</t>
    <phoneticPr fontId="1"/>
  </si>
  <si>
    <t>（母子保健に関すること）</t>
    <rPh sb="6" eb="7">
      <t>カン</t>
    </rPh>
    <phoneticPr fontId="1"/>
  </si>
  <si>
    <t>こども育成部　保育課</t>
    <rPh sb="3" eb="5">
      <t>イクセイ</t>
    </rPh>
    <rPh sb="5" eb="6">
      <t>ブ</t>
    </rPh>
    <rPh sb="7" eb="9">
      <t>ホイク</t>
    </rPh>
    <rPh sb="9" eb="10">
      <t>カ</t>
    </rPh>
    <phoneticPr fontId="1"/>
  </si>
  <si>
    <t>保育</t>
    <rPh sb="0" eb="2">
      <t>ホイク</t>
    </rPh>
    <phoneticPr fontId="1"/>
  </si>
  <si>
    <t>（保育園に関すること）</t>
    <rPh sb="1" eb="4">
      <t>ホイクエン</t>
    </rPh>
    <rPh sb="5" eb="6">
      <t>カン</t>
    </rPh>
    <phoneticPr fontId="1"/>
  </si>
  <si>
    <t>TEL:0467-82-1111</t>
    <phoneticPr fontId="1"/>
  </si>
  <si>
    <t>（代表）</t>
    <rPh sb="1" eb="3">
      <t>ダイヒョウ</t>
    </rPh>
    <phoneticPr fontId="1"/>
  </si>
  <si>
    <t>https://www.city.chigasaki.kanagawa.jp/soshiki/1009922.html</t>
    <phoneticPr fontId="1"/>
  </si>
  <si>
    <t>教育推進部　学校教育指導課</t>
    <rPh sb="0" eb="2">
      <t>キョウイク</t>
    </rPh>
    <rPh sb="2" eb="4">
      <t>スイシン</t>
    </rPh>
    <rPh sb="4" eb="5">
      <t>ブ</t>
    </rPh>
    <rPh sb="6" eb="8">
      <t>ガッコウ</t>
    </rPh>
    <rPh sb="8" eb="10">
      <t>キョウイク</t>
    </rPh>
    <rPh sb="10" eb="13">
      <t>シドウカ</t>
    </rPh>
    <phoneticPr fontId="1"/>
  </si>
  <si>
    <t>学校教育</t>
    <rPh sb="0" eb="2">
      <t>ガッコウ</t>
    </rPh>
    <rPh sb="2" eb="4">
      <t>キョウイク</t>
    </rPh>
    <phoneticPr fontId="1"/>
  </si>
  <si>
    <t>（就学相談に関すること）</t>
    <rPh sb="1" eb="3">
      <t>シュウガク</t>
    </rPh>
    <rPh sb="3" eb="5">
      <t>ソウダン</t>
    </rPh>
    <rPh sb="6" eb="7">
      <t>カン</t>
    </rPh>
    <phoneticPr fontId="1"/>
  </si>
  <si>
    <t>TEL:0467-82-1111</t>
    <phoneticPr fontId="1"/>
  </si>
  <si>
    <t>https://www.city.chigasaki.kanagawa.jp/soshiki/1009972.html</t>
    <phoneticPr fontId="1"/>
  </si>
  <si>
    <t>各高齢・障害者相談課</t>
    <phoneticPr fontId="1"/>
  </si>
  <si>
    <t>民生局健康部地域健康課各健康福祉センター（中央・北・南・西）</t>
    <rPh sb="0" eb="2">
      <t>タミオ</t>
    </rPh>
    <rPh sb="2" eb="3">
      <t>キョク</t>
    </rPh>
    <rPh sb="3" eb="5">
      <t>ケンコウ</t>
    </rPh>
    <rPh sb="5" eb="6">
      <t>ブ</t>
    </rPh>
    <rPh sb="6" eb="8">
      <t>チイキ</t>
    </rPh>
    <rPh sb="8" eb="10">
      <t>ケンコウ</t>
    </rPh>
    <rPh sb="10" eb="11">
      <t>カ</t>
    </rPh>
    <phoneticPr fontId="1"/>
  </si>
  <si>
    <t>福祉課　福祉推進班</t>
    <phoneticPr fontId="1"/>
  </si>
  <si>
    <t>保険健康課　健康づくり班</t>
    <phoneticPr fontId="1"/>
  </si>
  <si>
    <t>小児医療、重度障害者医療、補装具、日常生活用具、障害福祉サービス等</t>
    <rPh sb="0" eb="2">
      <t>ショウニ</t>
    </rPh>
    <rPh sb="2" eb="4">
      <t>イリョウ</t>
    </rPh>
    <rPh sb="5" eb="7">
      <t>ジュウド</t>
    </rPh>
    <rPh sb="7" eb="10">
      <t>ショウガイシャ</t>
    </rPh>
    <rPh sb="10" eb="12">
      <t>イリョウ</t>
    </rPh>
    <rPh sb="13" eb="16">
      <t>ホソウグ</t>
    </rPh>
    <rPh sb="17" eb="19">
      <t>ニチジョウ</t>
    </rPh>
    <rPh sb="19" eb="21">
      <t>セイカツ</t>
    </rPh>
    <rPh sb="21" eb="23">
      <t>ヨウグ</t>
    </rPh>
    <rPh sb="32" eb="33">
      <t>トウ</t>
    </rPh>
    <phoneticPr fontId="1"/>
  </si>
  <si>
    <t>福祉部 子育て支援課</t>
    <phoneticPr fontId="1"/>
  </si>
  <si>
    <t>川崎市医療的ケア児・者等支援拠点
【川崎区・幸区・中原区】 総合リハビリテーション推進センター
【高津区・宮前区・多摩区・麻生区】 地域相談支援センターそれいゆ</t>
    <phoneticPr fontId="1"/>
  </si>
  <si>
    <t>健康福祉局 障害保健福祉部 障害計画課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&quot;p&quot;"/>
  </numFmts>
  <fonts count="20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28"/>
      <color theme="1"/>
      <name val="ＭＳ Ｐゴシック"/>
      <family val="2"/>
      <scheme val="minor"/>
    </font>
    <font>
      <sz val="28"/>
      <color theme="1"/>
      <name val="ＭＳ Ｐゴシック"/>
      <family val="3"/>
      <charset val="128"/>
      <scheme val="minor"/>
    </font>
    <font>
      <sz val="24"/>
      <color theme="1"/>
      <name val="ＭＳ Ｐゴシック"/>
      <family val="2"/>
      <scheme val="minor"/>
    </font>
    <font>
      <sz val="24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u/>
      <sz val="11"/>
      <color theme="10"/>
      <name val="ＭＳ Ｐゴシック"/>
      <family val="2"/>
      <scheme val="minor"/>
    </font>
    <font>
      <sz val="11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2"/>
      <scheme val="minor"/>
    </font>
    <font>
      <u/>
      <sz val="11"/>
      <color theme="8"/>
      <name val="ＭＳ Ｐゴシック"/>
      <family val="2"/>
      <scheme val="minor"/>
    </font>
    <font>
      <sz val="11"/>
      <name val="ＭＳ Ｐゴシック"/>
      <family val="2"/>
      <scheme val="minor"/>
    </font>
    <font>
      <sz val="11"/>
      <name val="ＭＳ Ｐゴシック"/>
      <family val="3"/>
      <charset val="128"/>
      <scheme val="minor"/>
    </font>
    <font>
      <sz val="9"/>
      <color theme="1"/>
      <name val="ＭＳ Ｐゴシック"/>
      <family val="2"/>
      <scheme val="minor"/>
    </font>
    <font>
      <sz val="8"/>
      <color theme="1"/>
      <name val="ＭＳ Ｐゴシック"/>
      <family val="2"/>
      <scheme val="minor"/>
    </font>
    <font>
      <u/>
      <sz val="11"/>
      <name val="ＭＳ Ｐゴシック"/>
      <family val="3"/>
      <charset val="128"/>
      <scheme val="minor"/>
    </font>
    <font>
      <u/>
      <sz val="8"/>
      <color theme="10"/>
      <name val="ＭＳ Ｐゴシック"/>
      <family val="2"/>
      <scheme val="minor"/>
    </font>
    <font>
      <sz val="10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2"/>
      <scheme val="minor"/>
    </font>
    <font>
      <u/>
      <sz val="10"/>
      <color theme="10"/>
      <name val="ＭＳ Ｐゴシック"/>
      <family val="2"/>
      <scheme val="minor"/>
    </font>
  </fonts>
  <fills count="16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4B084"/>
        <bgColor indexed="64"/>
      </patternFill>
    </fill>
    <fill>
      <patternFill patternType="solid">
        <fgColor rgb="FFFFD966"/>
        <bgColor indexed="64"/>
      </patternFill>
    </fill>
    <fill>
      <patternFill patternType="solid">
        <fgColor rgb="FFC6E0B4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7"/>
        <bgColor indexed="64"/>
      </patternFill>
    </fill>
  </fills>
  <borders count="57">
    <border>
      <left/>
      <right/>
      <top/>
      <bottom/>
      <diagonal/>
    </border>
    <border>
      <left style="double">
        <color auto="1"/>
      </left>
      <right/>
      <top style="double">
        <color auto="1"/>
      </top>
      <bottom/>
      <diagonal/>
    </border>
    <border>
      <left/>
      <right/>
      <top style="double">
        <color auto="1"/>
      </top>
      <bottom/>
      <diagonal/>
    </border>
    <border>
      <left/>
      <right style="double">
        <color auto="1"/>
      </right>
      <top style="double">
        <color auto="1"/>
      </top>
      <bottom/>
      <diagonal/>
    </border>
    <border>
      <left style="double">
        <color auto="1"/>
      </left>
      <right/>
      <top/>
      <bottom/>
      <diagonal/>
    </border>
    <border>
      <left/>
      <right style="double">
        <color auto="1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double">
        <color auto="1"/>
      </left>
      <right/>
      <top/>
      <bottom style="double">
        <color auto="1"/>
      </bottom>
      <diagonal/>
    </border>
    <border>
      <left/>
      <right/>
      <top/>
      <bottom style="double">
        <color auto="1"/>
      </bottom>
      <diagonal/>
    </border>
    <border>
      <left/>
      <right style="double">
        <color auto="1"/>
      </right>
      <top/>
      <bottom style="double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/>
      <diagonal/>
    </border>
    <border>
      <left style="hair">
        <color auto="1"/>
      </left>
      <right/>
      <top style="hair">
        <color auto="1"/>
      </top>
      <bottom/>
      <diagonal/>
    </border>
    <border>
      <left/>
      <right/>
      <top style="hair">
        <color auto="1"/>
      </top>
      <bottom/>
      <diagonal/>
    </border>
    <border>
      <left/>
      <right style="hair">
        <color auto="1"/>
      </right>
      <top style="hair">
        <color auto="1"/>
      </top>
      <bottom/>
      <diagonal/>
    </border>
    <border>
      <left style="hair">
        <color auto="1"/>
      </left>
      <right style="hair">
        <color auto="1"/>
      </right>
      <top/>
      <bottom/>
      <diagonal/>
    </border>
    <border>
      <left style="hair">
        <color auto="1"/>
      </left>
      <right/>
      <top/>
      <bottom/>
      <diagonal/>
    </border>
    <border>
      <left/>
      <right style="hair">
        <color auto="1"/>
      </right>
      <top/>
      <bottom/>
      <diagonal/>
    </border>
    <border>
      <left style="hair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/>
      <top/>
      <bottom style="hair">
        <color auto="1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</borders>
  <cellStyleXfs count="2">
    <xf numFmtId="0" fontId="0" fillId="0" borderId="0"/>
    <xf numFmtId="0" fontId="7" fillId="0" borderId="0" applyNumberFormat="0" applyFill="0" applyBorder="0" applyAlignment="0" applyProtection="0"/>
  </cellStyleXfs>
  <cellXfs count="262">
    <xf numFmtId="0" fontId="0" fillId="0" borderId="0" xfId="0"/>
    <xf numFmtId="0" fontId="2" fillId="0" borderId="0" xfId="0" applyFont="1" applyAlignment="1">
      <alignment vertical="center" wrapText="1"/>
    </xf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0" fillId="0" borderId="1" xfId="0" applyBorder="1"/>
    <xf numFmtId="0" fontId="0" fillId="0" borderId="2" xfId="0" applyBorder="1"/>
    <xf numFmtId="0" fontId="0" fillId="0" borderId="3" xfId="0" applyBorder="1"/>
    <xf numFmtId="0" fontId="0" fillId="0" borderId="0" xfId="0" applyBorder="1"/>
    <xf numFmtId="0" fontId="0" fillId="0" borderId="4" xfId="0" applyBorder="1"/>
    <xf numFmtId="0" fontId="0" fillId="0" borderId="5" xfId="0" applyBorder="1"/>
    <xf numFmtId="0" fontId="6" fillId="0" borderId="4" xfId="0" applyFont="1" applyBorder="1" applyAlignment="1">
      <alignment horizontal="left" indent="1"/>
    </xf>
    <xf numFmtId="0" fontId="0" fillId="0" borderId="0" xfId="0" applyBorder="1" applyAlignment="1">
      <alignment vertical="top" wrapText="1"/>
    </xf>
    <xf numFmtId="0" fontId="0" fillId="0" borderId="0" xfId="0" applyFill="1" applyBorder="1" applyAlignment="1">
      <alignment horizontal="right"/>
    </xf>
    <xf numFmtId="0" fontId="7" fillId="0" borderId="0" xfId="1" applyFill="1" applyBorder="1"/>
    <xf numFmtId="0" fontId="8" fillId="0" borderId="0" xfId="0" applyFont="1" applyBorder="1" applyAlignment="1">
      <alignment horizontal="left" indent="2"/>
    </xf>
    <xf numFmtId="0" fontId="0" fillId="2" borderId="0" xfId="0" applyFill="1" applyBorder="1" applyAlignment="1">
      <alignment horizontal="center"/>
    </xf>
    <xf numFmtId="0" fontId="0" fillId="3" borderId="0" xfId="0" applyFill="1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0" xfId="0" applyFill="1" applyBorder="1" applyAlignment="1">
      <alignment horizont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vertical="center"/>
    </xf>
    <xf numFmtId="176" fontId="0" fillId="0" borderId="10" xfId="0" applyNumberFormat="1" applyBorder="1" applyAlignment="1">
      <alignment vertical="center"/>
    </xf>
    <xf numFmtId="0" fontId="0" fillId="0" borderId="11" xfId="0" applyBorder="1" applyAlignment="1">
      <alignment vertical="center"/>
    </xf>
    <xf numFmtId="0" fontId="0" fillId="0" borderId="12" xfId="0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vertical="center"/>
    </xf>
    <xf numFmtId="176" fontId="0" fillId="0" borderId="0" xfId="0" applyNumberFormat="1"/>
    <xf numFmtId="0" fontId="0" fillId="0" borderId="15" xfId="0" applyBorder="1" applyAlignment="1">
      <alignment vertical="center"/>
    </xf>
    <xf numFmtId="176" fontId="0" fillId="0" borderId="16" xfId="0" applyNumberFormat="1" applyBorder="1" applyAlignment="1">
      <alignment vertical="center"/>
    </xf>
    <xf numFmtId="0" fontId="0" fillId="0" borderId="17" xfId="0" applyBorder="1" applyAlignment="1">
      <alignment vertical="center"/>
    </xf>
    <xf numFmtId="0" fontId="0" fillId="0" borderId="5" xfId="0" applyBorder="1" applyAlignment="1"/>
    <xf numFmtId="0" fontId="0" fillId="0" borderId="39" xfId="0" applyBorder="1"/>
    <xf numFmtId="0" fontId="0" fillId="0" borderId="40" xfId="0" applyBorder="1"/>
    <xf numFmtId="0" fontId="0" fillId="0" borderId="41" xfId="0" applyBorder="1"/>
    <xf numFmtId="0" fontId="0" fillId="5" borderId="42" xfId="0" applyFill="1" applyBorder="1" applyAlignment="1">
      <alignment horizontal="center"/>
    </xf>
    <xf numFmtId="0" fontId="0" fillId="5" borderId="50" xfId="0" applyFill="1" applyBorder="1" applyAlignment="1">
      <alignment horizontal="center"/>
    </xf>
    <xf numFmtId="0" fontId="10" fillId="0" borderId="0" xfId="0" applyFont="1"/>
    <xf numFmtId="0" fontId="0" fillId="5" borderId="54" xfId="0" applyFill="1" applyBorder="1" applyAlignment="1">
      <alignment horizontal="left"/>
    </xf>
    <xf numFmtId="0" fontId="0" fillId="5" borderId="55" xfId="0" applyFill="1" applyBorder="1" applyAlignment="1">
      <alignment horizontal="left"/>
    </xf>
    <xf numFmtId="0" fontId="0" fillId="5" borderId="56" xfId="0" applyFill="1" applyBorder="1" applyAlignment="1">
      <alignment horizontal="left"/>
    </xf>
    <xf numFmtId="0" fontId="7" fillId="5" borderId="56" xfId="1" applyFill="1" applyBorder="1" applyAlignment="1">
      <alignment horizontal="left"/>
    </xf>
    <xf numFmtId="0" fontId="7" fillId="5" borderId="54" xfId="1" applyFill="1" applyBorder="1" applyAlignment="1">
      <alignment horizontal="left"/>
    </xf>
    <xf numFmtId="0" fontId="7" fillId="5" borderId="55" xfId="1" applyFill="1" applyBorder="1" applyAlignment="1">
      <alignment horizontal="left"/>
    </xf>
    <xf numFmtId="0" fontId="11" fillId="5" borderId="54" xfId="1" applyFont="1" applyFill="1" applyBorder="1" applyAlignment="1">
      <alignment horizontal="left"/>
    </xf>
    <xf numFmtId="0" fontId="13" fillId="5" borderId="56" xfId="0" applyFont="1" applyFill="1" applyBorder="1" applyAlignment="1">
      <alignment horizontal="left"/>
    </xf>
    <xf numFmtId="0" fontId="12" fillId="5" borderId="54" xfId="1" applyFont="1" applyFill="1" applyBorder="1" applyAlignment="1">
      <alignment horizontal="left"/>
    </xf>
    <xf numFmtId="0" fontId="7" fillId="5" borderId="56" xfId="1" applyFill="1" applyBorder="1" applyAlignment="1"/>
    <xf numFmtId="0" fontId="7" fillId="5" borderId="54" xfId="1" applyFill="1" applyBorder="1" applyAlignment="1"/>
    <xf numFmtId="0" fontId="7" fillId="5" borderId="55" xfId="1" applyFill="1" applyBorder="1" applyAlignment="1"/>
    <xf numFmtId="0" fontId="12" fillId="0" borderId="0" xfId="0" applyFont="1"/>
    <xf numFmtId="0" fontId="13" fillId="5" borderId="54" xfId="0" applyFont="1" applyFill="1" applyBorder="1" applyAlignment="1">
      <alignment horizontal="left"/>
    </xf>
    <xf numFmtId="0" fontId="12" fillId="5" borderId="54" xfId="0" applyFont="1" applyFill="1" applyBorder="1" applyAlignment="1">
      <alignment horizontal="left"/>
    </xf>
    <xf numFmtId="0" fontId="12" fillId="5" borderId="55" xfId="0" applyFont="1" applyFill="1" applyBorder="1" applyAlignment="1">
      <alignment horizontal="left"/>
    </xf>
    <xf numFmtId="0" fontId="8" fillId="5" borderId="54" xfId="0" applyFont="1" applyFill="1" applyBorder="1" applyAlignment="1">
      <alignment horizontal="left"/>
    </xf>
    <xf numFmtId="0" fontId="14" fillId="5" borderId="54" xfId="0" applyFont="1" applyFill="1" applyBorder="1" applyAlignment="1">
      <alignment horizontal="left"/>
    </xf>
    <xf numFmtId="0" fontId="0" fillId="0" borderId="0" xfId="0" applyAlignment="1">
      <alignment horizontal="left" vertical="center" wrapText="1"/>
    </xf>
    <xf numFmtId="0" fontId="16" fillId="5" borderId="56" xfId="1" applyFont="1" applyFill="1" applyBorder="1" applyAlignment="1">
      <alignment horizontal="left"/>
    </xf>
    <xf numFmtId="0" fontId="19" fillId="5" borderId="0" xfId="1" applyFont="1" applyFill="1"/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34" xfId="0" applyBorder="1" applyAlignment="1">
      <alignment horizontal="center" vertical="center"/>
    </xf>
    <xf numFmtId="0" fontId="0" fillId="0" borderId="37" xfId="0" applyBorder="1" applyAlignment="1">
      <alignment horizontal="center" vertical="center"/>
    </xf>
    <xf numFmtId="0" fontId="0" fillId="0" borderId="38" xfId="0" applyBorder="1" applyAlignment="1">
      <alignment horizontal="center" vertical="center"/>
    </xf>
    <xf numFmtId="0" fontId="0" fillId="5" borderId="0" xfId="0" applyFill="1"/>
    <xf numFmtId="0" fontId="0" fillId="0" borderId="18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8" fillId="0" borderId="21" xfId="0" applyFont="1" applyBorder="1" applyAlignment="1">
      <alignment horizontal="center" vertical="center" wrapText="1"/>
    </xf>
    <xf numFmtId="0" fontId="0" fillId="0" borderId="22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32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5" borderId="42" xfId="0" applyFill="1" applyBorder="1" applyAlignment="1">
      <alignment horizontal="left" vertical="center"/>
    </xf>
    <xf numFmtId="0" fontId="0" fillId="5" borderId="43" xfId="0" applyFill="1" applyBorder="1" applyAlignment="1">
      <alignment horizontal="center"/>
    </xf>
    <xf numFmtId="0" fontId="0" fillId="5" borderId="47" xfId="0" applyFill="1" applyBorder="1" applyAlignment="1">
      <alignment horizontal="center"/>
    </xf>
    <xf numFmtId="0" fontId="8" fillId="5" borderId="44" xfId="0" applyFont="1" applyFill="1" applyBorder="1" applyAlignment="1">
      <alignment horizontal="center"/>
    </xf>
    <xf numFmtId="0" fontId="8" fillId="5" borderId="45" xfId="0" applyFont="1" applyFill="1" applyBorder="1" applyAlignment="1">
      <alignment horizontal="center"/>
    </xf>
    <xf numFmtId="0" fontId="8" fillId="5" borderId="48" xfId="0" applyFont="1" applyFill="1" applyBorder="1" applyAlignment="1">
      <alignment horizontal="center"/>
    </xf>
    <xf numFmtId="0" fontId="8" fillId="5" borderId="0" xfId="0" applyFont="1" applyFill="1" applyBorder="1" applyAlignment="1">
      <alignment horizontal="center"/>
    </xf>
    <xf numFmtId="0" fontId="0" fillId="5" borderId="45" xfId="0" applyFill="1" applyBorder="1" applyAlignment="1">
      <alignment horizontal="center"/>
    </xf>
    <xf numFmtId="0" fontId="0" fillId="5" borderId="0" xfId="0" applyFill="1" applyBorder="1" applyAlignment="1">
      <alignment horizontal="center"/>
    </xf>
    <xf numFmtId="0" fontId="0" fillId="5" borderId="46" xfId="0" applyFill="1" applyBorder="1" applyAlignment="1">
      <alignment horizontal="center"/>
    </xf>
    <xf numFmtId="0" fontId="0" fillId="5" borderId="49" xfId="0" applyFill="1" applyBorder="1" applyAlignment="1">
      <alignment horizontal="center"/>
    </xf>
    <xf numFmtId="0" fontId="0" fillId="6" borderId="51" xfId="0" applyFill="1" applyBorder="1" applyAlignment="1">
      <alignment horizontal="center" shrinkToFit="1"/>
    </xf>
    <xf numFmtId="0" fontId="0" fillId="6" borderId="52" xfId="0" applyFill="1" applyBorder="1" applyAlignment="1">
      <alignment horizontal="center" shrinkToFit="1"/>
    </xf>
    <xf numFmtId="0" fontId="0" fillId="7" borderId="52" xfId="0" applyFill="1" applyBorder="1" applyAlignment="1">
      <alignment horizontal="center" shrinkToFit="1"/>
    </xf>
    <xf numFmtId="0" fontId="0" fillId="7" borderId="53" xfId="0" applyFill="1" applyBorder="1" applyAlignment="1">
      <alignment horizontal="center" shrinkToFit="1"/>
    </xf>
    <xf numFmtId="0" fontId="0" fillId="5" borderId="43" xfId="0" applyFill="1" applyBorder="1" applyAlignment="1">
      <alignment horizontal="center" vertical="center"/>
    </xf>
    <xf numFmtId="0" fontId="0" fillId="5" borderId="50" xfId="0" applyFill="1" applyBorder="1" applyAlignment="1">
      <alignment horizontal="center" vertical="center"/>
    </xf>
    <xf numFmtId="0" fontId="7" fillId="5" borderId="42" xfId="1" applyFill="1" applyBorder="1" applyAlignment="1">
      <alignment horizontal="left" vertical="center"/>
    </xf>
    <xf numFmtId="0" fontId="7" fillId="5" borderId="56" xfId="1" applyFill="1" applyBorder="1" applyAlignment="1">
      <alignment horizontal="left" vertical="center"/>
    </xf>
    <xf numFmtId="0" fontId="7" fillId="5" borderId="54" xfId="1" applyFill="1" applyBorder="1" applyAlignment="1">
      <alignment horizontal="left" vertical="center"/>
    </xf>
    <xf numFmtId="0" fontId="7" fillId="5" borderId="55" xfId="1" applyFill="1" applyBorder="1" applyAlignment="1">
      <alignment horizontal="left" vertical="center"/>
    </xf>
    <xf numFmtId="0" fontId="0" fillId="0" borderId="35" xfId="0" applyBorder="1" applyAlignment="1">
      <alignment horizontal="center" vertical="center"/>
    </xf>
    <xf numFmtId="0" fontId="0" fillId="0" borderId="36" xfId="0" applyBorder="1" applyAlignment="1">
      <alignment horizontal="center" vertical="center"/>
    </xf>
    <xf numFmtId="0" fontId="9" fillId="4" borderId="0" xfId="0" applyFont="1" applyFill="1" applyAlignment="1">
      <alignment horizontal="center" vertical="center"/>
    </xf>
    <xf numFmtId="0" fontId="0" fillId="2" borderId="51" xfId="0" applyFill="1" applyBorder="1" applyAlignment="1">
      <alignment horizontal="center" shrinkToFit="1"/>
    </xf>
    <xf numFmtId="0" fontId="0" fillId="2" borderId="52" xfId="0" applyFill="1" applyBorder="1" applyAlignment="1">
      <alignment horizontal="center" shrinkToFit="1"/>
    </xf>
    <xf numFmtId="0" fontId="11" fillId="5" borderId="44" xfId="1" applyFont="1" applyFill="1" applyBorder="1" applyAlignment="1">
      <alignment horizontal="left" vertical="center"/>
    </xf>
    <xf numFmtId="0" fontId="11" fillId="5" borderId="45" xfId="1" applyFont="1" applyFill="1" applyBorder="1" applyAlignment="1">
      <alignment horizontal="left" vertical="center"/>
    </xf>
    <xf numFmtId="0" fontId="11" fillId="5" borderId="46" xfId="1" applyFont="1" applyFill="1" applyBorder="1" applyAlignment="1">
      <alignment horizontal="left" vertical="center"/>
    </xf>
    <xf numFmtId="0" fontId="11" fillId="5" borderId="51" xfId="1" applyFont="1" applyFill="1" applyBorder="1" applyAlignment="1">
      <alignment horizontal="left" vertical="center"/>
    </xf>
    <xf numFmtId="0" fontId="11" fillId="5" borderId="52" xfId="1" applyFont="1" applyFill="1" applyBorder="1" applyAlignment="1">
      <alignment horizontal="left" vertical="center"/>
    </xf>
    <xf numFmtId="0" fontId="11" fillId="5" borderId="53" xfId="1" applyFont="1" applyFill="1" applyBorder="1" applyAlignment="1">
      <alignment horizontal="left" vertical="center"/>
    </xf>
    <xf numFmtId="0" fontId="0" fillId="7" borderId="51" xfId="0" applyFill="1" applyBorder="1" applyAlignment="1">
      <alignment horizontal="center" shrinkToFit="1"/>
    </xf>
    <xf numFmtId="0" fontId="0" fillId="8" borderId="52" xfId="0" applyFill="1" applyBorder="1" applyAlignment="1">
      <alignment horizontal="center" shrinkToFit="1"/>
    </xf>
    <xf numFmtId="0" fontId="0" fillId="5" borderId="56" xfId="0" applyFont="1" applyFill="1" applyBorder="1" applyAlignment="1">
      <alignment horizontal="left" shrinkToFit="1"/>
    </xf>
    <xf numFmtId="0" fontId="0" fillId="5" borderId="54" xfId="0" applyFont="1" applyFill="1" applyBorder="1" applyAlignment="1">
      <alignment horizontal="left" shrinkToFit="1"/>
    </xf>
    <xf numFmtId="0" fontId="0" fillId="5" borderId="55" xfId="0" applyFont="1" applyFill="1" applyBorder="1" applyAlignment="1">
      <alignment horizontal="left" shrinkToFit="1"/>
    </xf>
    <xf numFmtId="0" fontId="0" fillId="0" borderId="0" xfId="0" applyAlignment="1">
      <alignment horizontal="center" vertical="center"/>
    </xf>
    <xf numFmtId="0" fontId="0" fillId="0" borderId="52" xfId="0" applyBorder="1" applyAlignment="1">
      <alignment horizontal="center" vertical="center"/>
    </xf>
    <xf numFmtId="0" fontId="8" fillId="2" borderId="44" xfId="0" applyFont="1" applyFill="1" applyBorder="1" applyAlignment="1">
      <alignment horizontal="center" wrapText="1"/>
    </xf>
    <xf numFmtId="0" fontId="8" fillId="2" borderId="45" xfId="0" applyFont="1" applyFill="1" applyBorder="1" applyAlignment="1">
      <alignment horizontal="center" wrapText="1"/>
    </xf>
    <xf numFmtId="0" fontId="8" fillId="2" borderId="48" xfId="0" applyFont="1" applyFill="1" applyBorder="1" applyAlignment="1">
      <alignment horizontal="center" wrapText="1"/>
    </xf>
    <xf numFmtId="0" fontId="8" fillId="2" borderId="0" xfId="0" applyFont="1" applyFill="1" applyBorder="1" applyAlignment="1">
      <alignment horizontal="center" wrapText="1"/>
    </xf>
    <xf numFmtId="0" fontId="8" fillId="15" borderId="51" xfId="0" applyFont="1" applyFill="1" applyBorder="1" applyAlignment="1">
      <alignment horizontal="center" vertical="center" shrinkToFit="1"/>
    </xf>
    <xf numFmtId="0" fontId="8" fillId="15" borderId="52" xfId="0" applyFont="1" applyFill="1" applyBorder="1" applyAlignment="1">
      <alignment horizontal="center" vertical="center" shrinkToFit="1"/>
    </xf>
    <xf numFmtId="0" fontId="0" fillId="13" borderId="52" xfId="0" applyFill="1" applyBorder="1" applyAlignment="1">
      <alignment horizontal="center" shrinkToFit="1"/>
    </xf>
    <xf numFmtId="0" fontId="8" fillId="12" borderId="44" xfId="0" applyFont="1" applyFill="1" applyBorder="1" applyAlignment="1">
      <alignment horizontal="center" wrapText="1"/>
    </xf>
    <xf numFmtId="0" fontId="8" fillId="12" borderId="45" xfId="0" applyFont="1" applyFill="1" applyBorder="1" applyAlignment="1">
      <alignment horizontal="center" wrapText="1"/>
    </xf>
    <xf numFmtId="0" fontId="8" fillId="12" borderId="48" xfId="0" applyFont="1" applyFill="1" applyBorder="1" applyAlignment="1">
      <alignment horizontal="center" wrapText="1"/>
    </xf>
    <xf numFmtId="0" fontId="8" fillId="12" borderId="0" xfId="0" applyFont="1" applyFill="1" applyBorder="1" applyAlignment="1">
      <alignment horizontal="center" wrapText="1"/>
    </xf>
    <xf numFmtId="0" fontId="0" fillId="5" borderId="44" xfId="0" applyFill="1" applyBorder="1" applyAlignment="1">
      <alignment horizontal="left" vertical="center" wrapText="1"/>
    </xf>
    <xf numFmtId="0" fontId="0" fillId="5" borderId="45" xfId="0" applyFill="1" applyBorder="1" applyAlignment="1">
      <alignment horizontal="left" vertical="center" wrapText="1"/>
    </xf>
    <xf numFmtId="0" fontId="0" fillId="5" borderId="46" xfId="0" applyFill="1" applyBorder="1" applyAlignment="1">
      <alignment horizontal="left" vertical="center" wrapText="1"/>
    </xf>
    <xf numFmtId="0" fontId="0" fillId="5" borderId="48" xfId="0" applyFill="1" applyBorder="1" applyAlignment="1">
      <alignment horizontal="left" vertical="center" wrapText="1"/>
    </xf>
    <xf numFmtId="0" fontId="0" fillId="5" borderId="0" xfId="0" applyFill="1" applyBorder="1" applyAlignment="1">
      <alignment horizontal="left" vertical="center" wrapText="1"/>
    </xf>
    <xf numFmtId="0" fontId="0" fillId="5" borderId="49" xfId="0" applyFill="1" applyBorder="1" applyAlignment="1">
      <alignment horizontal="left" vertical="center" wrapText="1"/>
    </xf>
    <xf numFmtId="0" fontId="0" fillId="5" borderId="51" xfId="0" applyFill="1" applyBorder="1" applyAlignment="1">
      <alignment horizontal="left" vertical="center" wrapText="1"/>
    </xf>
    <xf numFmtId="0" fontId="0" fillId="5" borderId="52" xfId="0" applyFill="1" applyBorder="1" applyAlignment="1">
      <alignment horizontal="left" vertical="center" wrapText="1"/>
    </xf>
    <xf numFmtId="0" fontId="0" fillId="5" borderId="53" xfId="0" applyFill="1" applyBorder="1" applyAlignment="1">
      <alignment horizontal="left" vertical="center" wrapText="1"/>
    </xf>
    <xf numFmtId="0" fontId="0" fillId="5" borderId="47" xfId="0" applyFill="1" applyBorder="1" applyAlignment="1">
      <alignment horizontal="center" vertical="center"/>
    </xf>
    <xf numFmtId="0" fontId="8" fillId="12" borderId="51" xfId="0" applyFont="1" applyFill="1" applyBorder="1" applyAlignment="1">
      <alignment horizontal="center" vertical="center"/>
    </xf>
    <xf numFmtId="0" fontId="8" fillId="12" borderId="52" xfId="0" applyFont="1" applyFill="1" applyBorder="1" applyAlignment="1">
      <alignment horizontal="center" vertical="center"/>
    </xf>
    <xf numFmtId="0" fontId="0" fillId="15" borderId="52" xfId="0" applyFill="1" applyBorder="1" applyAlignment="1">
      <alignment horizontal="center" shrinkToFit="1"/>
    </xf>
    <xf numFmtId="0" fontId="0" fillId="5" borderId="45" xfId="0" applyFill="1" applyBorder="1" applyAlignment="1">
      <alignment horizontal="center" vertical="center"/>
    </xf>
    <xf numFmtId="0" fontId="0" fillId="5" borderId="0" xfId="0" applyFill="1" applyBorder="1" applyAlignment="1">
      <alignment horizontal="center" vertical="center"/>
    </xf>
    <xf numFmtId="0" fontId="7" fillId="5" borderId="42" xfId="1" applyFill="1" applyBorder="1" applyAlignment="1">
      <alignment horizontal="left" vertical="center" wrapText="1"/>
    </xf>
    <xf numFmtId="0" fontId="0" fillId="5" borderId="0" xfId="0" applyFill="1" applyAlignment="1">
      <alignment shrinkToFit="1"/>
    </xf>
    <xf numFmtId="0" fontId="7" fillId="5" borderId="45" xfId="1" applyFill="1" applyBorder="1" applyAlignment="1">
      <alignment horizontal="left" vertical="center" wrapText="1"/>
    </xf>
    <xf numFmtId="0" fontId="7" fillId="5" borderId="0" xfId="1" applyFill="1" applyBorder="1" applyAlignment="1">
      <alignment horizontal="left" vertical="center" wrapText="1"/>
    </xf>
    <xf numFmtId="0" fontId="0" fillId="14" borderId="51" xfId="0" applyFill="1" applyBorder="1" applyAlignment="1">
      <alignment horizontal="center" shrinkToFit="1"/>
    </xf>
    <xf numFmtId="0" fontId="0" fillId="14" borderId="52" xfId="0" applyFill="1" applyBorder="1" applyAlignment="1">
      <alignment horizontal="center" shrinkToFit="1"/>
    </xf>
    <xf numFmtId="0" fontId="0" fillId="5" borderId="52" xfId="0" applyFill="1" applyBorder="1" applyAlignment="1">
      <alignment horizontal="center" shrinkToFit="1"/>
    </xf>
    <xf numFmtId="0" fontId="7" fillId="5" borderId="44" xfId="1" applyFill="1" applyBorder="1" applyAlignment="1">
      <alignment horizontal="left" vertical="center" wrapText="1"/>
    </xf>
    <xf numFmtId="0" fontId="7" fillId="5" borderId="46" xfId="1" applyFill="1" applyBorder="1" applyAlignment="1">
      <alignment horizontal="left" vertical="center" wrapText="1"/>
    </xf>
    <xf numFmtId="0" fontId="7" fillId="5" borderId="51" xfId="1" applyFill="1" applyBorder="1" applyAlignment="1">
      <alignment horizontal="left" vertical="center" wrapText="1"/>
    </xf>
    <xf numFmtId="0" fontId="7" fillId="5" borderId="52" xfId="1" applyFill="1" applyBorder="1" applyAlignment="1">
      <alignment horizontal="left" vertical="center" wrapText="1"/>
    </xf>
    <xf numFmtId="0" fontId="7" fillId="5" borderId="53" xfId="1" applyFill="1" applyBorder="1" applyAlignment="1">
      <alignment horizontal="left" vertical="center" wrapText="1"/>
    </xf>
    <xf numFmtId="0" fontId="7" fillId="5" borderId="56" xfId="1" applyFill="1" applyBorder="1" applyAlignment="1">
      <alignment horizontal="left" vertical="center" wrapText="1"/>
    </xf>
    <xf numFmtId="0" fontId="7" fillId="5" borderId="54" xfId="1" applyFill="1" applyBorder="1" applyAlignment="1">
      <alignment horizontal="left" vertical="center" wrapText="1"/>
    </xf>
    <xf numFmtId="0" fontId="7" fillId="5" borderId="55" xfId="1" applyFill="1" applyBorder="1" applyAlignment="1">
      <alignment horizontal="left" vertical="center" wrapText="1"/>
    </xf>
    <xf numFmtId="0" fontId="11" fillId="5" borderId="56" xfId="1" applyFont="1" applyFill="1" applyBorder="1" applyAlignment="1">
      <alignment horizontal="left" vertical="center"/>
    </xf>
    <xf numFmtId="0" fontId="12" fillId="5" borderId="54" xfId="1" applyFont="1" applyFill="1" applyBorder="1" applyAlignment="1">
      <alignment horizontal="left" vertical="center"/>
    </xf>
    <xf numFmtId="0" fontId="12" fillId="5" borderId="55" xfId="1" applyFont="1" applyFill="1" applyBorder="1" applyAlignment="1">
      <alignment horizontal="left" vertical="center"/>
    </xf>
    <xf numFmtId="0" fontId="0" fillId="8" borderId="51" xfId="0" applyFill="1" applyBorder="1" applyAlignment="1">
      <alignment horizontal="center" shrinkToFit="1"/>
    </xf>
    <xf numFmtId="0" fontId="18" fillId="5" borderId="42" xfId="0" applyFont="1" applyFill="1" applyBorder="1" applyAlignment="1">
      <alignment horizontal="left" vertical="center"/>
    </xf>
    <xf numFmtId="0" fontId="17" fillId="5" borderId="42" xfId="0" applyFont="1" applyFill="1" applyBorder="1" applyAlignment="1">
      <alignment horizontal="left" vertical="center"/>
    </xf>
    <xf numFmtId="0" fontId="0" fillId="11" borderId="51" xfId="0" applyFill="1" applyBorder="1" applyAlignment="1">
      <alignment horizontal="center" shrinkToFit="1"/>
    </xf>
    <xf numFmtId="0" fontId="0" fillId="11" borderId="52" xfId="0" applyFill="1" applyBorder="1" applyAlignment="1">
      <alignment horizontal="center" shrinkToFit="1"/>
    </xf>
    <xf numFmtId="0" fontId="0" fillId="10" borderId="51" xfId="0" applyFill="1" applyBorder="1" applyAlignment="1">
      <alignment horizontal="center" shrinkToFit="1"/>
    </xf>
    <xf numFmtId="0" fontId="0" fillId="10" borderId="52" xfId="0" applyFill="1" applyBorder="1" applyAlignment="1">
      <alignment horizontal="center" shrinkToFit="1"/>
    </xf>
    <xf numFmtId="0" fontId="0" fillId="9" borderId="51" xfId="0" applyFill="1" applyBorder="1" applyAlignment="1">
      <alignment horizontal="center" shrinkToFit="1"/>
    </xf>
    <xf numFmtId="0" fontId="0" fillId="9" borderId="52" xfId="0" applyFill="1" applyBorder="1" applyAlignment="1">
      <alignment horizontal="center" shrinkToFit="1"/>
    </xf>
    <xf numFmtId="0" fontId="7" fillId="5" borderId="44" xfId="1" applyFill="1" applyBorder="1" applyAlignment="1">
      <alignment vertical="center"/>
    </xf>
    <xf numFmtId="0" fontId="7" fillId="5" borderId="45" xfId="1" applyFill="1" applyBorder="1" applyAlignment="1">
      <alignment vertical="center"/>
    </xf>
    <xf numFmtId="0" fontId="7" fillId="5" borderId="46" xfId="1" applyFill="1" applyBorder="1" applyAlignment="1">
      <alignment vertical="center"/>
    </xf>
    <xf numFmtId="0" fontId="7" fillId="5" borderId="51" xfId="1" applyFill="1" applyBorder="1" applyAlignment="1">
      <alignment vertical="center"/>
    </xf>
    <xf numFmtId="0" fontId="7" fillId="5" borderId="52" xfId="1" applyFill="1" applyBorder="1" applyAlignment="1">
      <alignment vertical="center"/>
    </xf>
    <xf numFmtId="0" fontId="7" fillId="5" borderId="53" xfId="1" applyFill="1" applyBorder="1" applyAlignment="1">
      <alignment vertical="center"/>
    </xf>
    <xf numFmtId="0" fontId="9" fillId="0" borderId="0" xfId="0" applyFont="1" applyFill="1" applyAlignment="1">
      <alignment horizontal="center" vertical="center"/>
    </xf>
    <xf numFmtId="0" fontId="0" fillId="5" borderId="51" xfId="0" applyFill="1" applyBorder="1" applyAlignment="1">
      <alignment horizontal="center" shrinkToFit="1"/>
    </xf>
    <xf numFmtId="0" fontId="12" fillId="5" borderId="42" xfId="0" applyFont="1" applyFill="1" applyBorder="1" applyAlignment="1">
      <alignment horizontal="left" vertical="center"/>
    </xf>
    <xf numFmtId="0" fontId="12" fillId="5" borderId="44" xfId="0" applyFont="1" applyFill="1" applyBorder="1" applyAlignment="1">
      <alignment horizontal="center"/>
    </xf>
    <xf numFmtId="0" fontId="12" fillId="5" borderId="45" xfId="0" applyFont="1" applyFill="1" applyBorder="1" applyAlignment="1">
      <alignment horizontal="center"/>
    </xf>
    <xf numFmtId="0" fontId="12" fillId="5" borderId="48" xfId="0" applyFont="1" applyFill="1" applyBorder="1" applyAlignment="1">
      <alignment horizontal="center"/>
    </xf>
    <xf numFmtId="0" fontId="12" fillId="5" borderId="0" xfId="0" applyFont="1" applyFill="1" applyBorder="1" applyAlignment="1">
      <alignment horizontal="center"/>
    </xf>
    <xf numFmtId="0" fontId="12" fillId="5" borderId="46" xfId="0" applyFont="1" applyFill="1" applyBorder="1" applyAlignment="1">
      <alignment horizontal="center"/>
    </xf>
    <xf numFmtId="0" fontId="12" fillId="5" borderId="49" xfId="0" applyFont="1" applyFill="1" applyBorder="1" applyAlignment="1">
      <alignment horizontal="center"/>
    </xf>
    <xf numFmtId="0" fontId="11" fillId="6" borderId="51" xfId="0" applyFont="1" applyFill="1" applyBorder="1" applyAlignment="1">
      <alignment horizontal="center" shrinkToFit="1"/>
    </xf>
    <xf numFmtId="0" fontId="11" fillId="6" borderId="52" xfId="0" applyFont="1" applyFill="1" applyBorder="1" applyAlignment="1">
      <alignment horizontal="center" shrinkToFit="1"/>
    </xf>
    <xf numFmtId="0" fontId="11" fillId="2" borderId="52" xfId="0" applyFont="1" applyFill="1" applyBorder="1" applyAlignment="1">
      <alignment horizontal="center" shrinkToFit="1"/>
    </xf>
    <xf numFmtId="0" fontId="11" fillId="7" borderId="52" xfId="0" applyFont="1" applyFill="1" applyBorder="1" applyAlignment="1">
      <alignment horizontal="center" shrinkToFit="1"/>
    </xf>
    <xf numFmtId="0" fontId="11" fillId="7" borderId="53" xfId="0" applyFont="1" applyFill="1" applyBorder="1" applyAlignment="1">
      <alignment horizontal="center" shrinkToFit="1"/>
    </xf>
    <xf numFmtId="0" fontId="11" fillId="9" borderId="51" xfId="0" applyFont="1" applyFill="1" applyBorder="1" applyAlignment="1">
      <alignment horizontal="center" shrinkToFit="1"/>
    </xf>
    <xf numFmtId="0" fontId="11" fillId="9" borderId="52" xfId="0" applyFont="1" applyFill="1" applyBorder="1" applyAlignment="1">
      <alignment horizontal="center" shrinkToFit="1"/>
    </xf>
    <xf numFmtId="0" fontId="12" fillId="7" borderId="52" xfId="0" applyFont="1" applyFill="1" applyBorder="1" applyAlignment="1">
      <alignment horizontal="center" shrinkToFit="1"/>
    </xf>
    <xf numFmtId="0" fontId="12" fillId="7" borderId="53" xfId="0" applyFont="1" applyFill="1" applyBorder="1" applyAlignment="1">
      <alignment horizontal="center" shrinkToFit="1"/>
    </xf>
    <xf numFmtId="0" fontId="15" fillId="5" borderId="42" xfId="1" applyFont="1" applyFill="1" applyBorder="1" applyAlignment="1">
      <alignment horizontal="left" vertical="center"/>
    </xf>
    <xf numFmtId="0" fontId="15" fillId="5" borderId="56" xfId="1" applyFont="1" applyFill="1" applyBorder="1" applyAlignment="1">
      <alignment horizontal="left" vertical="center"/>
    </xf>
    <xf numFmtId="0" fontId="15" fillId="5" borderId="54" xfId="1" applyFont="1" applyFill="1" applyBorder="1" applyAlignment="1">
      <alignment horizontal="left" vertical="center"/>
    </xf>
    <xf numFmtId="0" fontId="15" fillId="5" borderId="55" xfId="1" applyFont="1" applyFill="1" applyBorder="1" applyAlignment="1">
      <alignment horizontal="left" vertical="center"/>
    </xf>
    <xf numFmtId="0" fontId="11" fillId="2" borderId="51" xfId="0" applyFont="1" applyFill="1" applyBorder="1" applyAlignment="1">
      <alignment horizontal="center" shrinkToFit="1"/>
    </xf>
    <xf numFmtId="0" fontId="12" fillId="10" borderId="51" xfId="1" applyFont="1" applyFill="1" applyBorder="1" applyAlignment="1">
      <alignment horizontal="center" shrinkToFit="1"/>
    </xf>
    <xf numFmtId="0" fontId="12" fillId="10" borderId="52" xfId="1" applyFont="1" applyFill="1" applyBorder="1" applyAlignment="1">
      <alignment horizontal="center" shrinkToFit="1"/>
    </xf>
    <xf numFmtId="0" fontId="12" fillId="2" borderId="51" xfId="0" applyFont="1" applyFill="1" applyBorder="1" applyAlignment="1">
      <alignment horizontal="center" shrinkToFit="1"/>
    </xf>
    <xf numFmtId="0" fontId="12" fillId="2" borderId="52" xfId="0" applyFont="1" applyFill="1" applyBorder="1" applyAlignment="1">
      <alignment horizontal="center" shrinkToFit="1"/>
    </xf>
    <xf numFmtId="0" fontId="12" fillId="5" borderId="42" xfId="1" applyFont="1" applyFill="1" applyBorder="1" applyAlignment="1">
      <alignment horizontal="left" vertical="center"/>
    </xf>
    <xf numFmtId="0" fontId="12" fillId="5" borderId="56" xfId="1" applyFont="1" applyFill="1" applyBorder="1" applyAlignment="1">
      <alignment horizontal="left" vertical="center"/>
    </xf>
    <xf numFmtId="0" fontId="0" fillId="13" borderId="51" xfId="0" applyFill="1" applyBorder="1" applyAlignment="1">
      <alignment horizontal="center" shrinkToFit="1"/>
    </xf>
    <xf numFmtId="0" fontId="12" fillId="6" borderId="51" xfId="0" applyFont="1" applyFill="1" applyBorder="1" applyAlignment="1">
      <alignment horizontal="center" shrinkToFit="1"/>
    </xf>
    <xf numFmtId="0" fontId="12" fillId="6" borderId="52" xfId="0" applyFont="1" applyFill="1" applyBorder="1" applyAlignment="1">
      <alignment horizontal="center" shrinkToFit="1"/>
    </xf>
    <xf numFmtId="0" fontId="11" fillId="5" borderId="42" xfId="0" applyFont="1" applyFill="1" applyBorder="1" applyAlignment="1">
      <alignment horizontal="left" vertical="center"/>
    </xf>
    <xf numFmtId="0" fontId="12" fillId="10" borderId="51" xfId="0" applyFont="1" applyFill="1" applyBorder="1" applyAlignment="1">
      <alignment horizontal="center" shrinkToFit="1"/>
    </xf>
    <xf numFmtId="0" fontId="12" fillId="10" borderId="52" xfId="0" applyFont="1" applyFill="1" applyBorder="1" applyAlignment="1">
      <alignment horizontal="center" shrinkToFit="1"/>
    </xf>
    <xf numFmtId="0" fontId="12" fillId="9" borderId="51" xfId="0" applyFont="1" applyFill="1" applyBorder="1" applyAlignment="1">
      <alignment horizontal="center" shrinkToFit="1"/>
    </xf>
    <xf numFmtId="0" fontId="12" fillId="9" borderId="52" xfId="0" applyFont="1" applyFill="1" applyBorder="1" applyAlignment="1">
      <alignment horizontal="center" shrinkToFit="1"/>
    </xf>
    <xf numFmtId="0" fontId="12" fillId="2" borderId="44" xfId="0" applyFont="1" applyFill="1" applyBorder="1" applyAlignment="1">
      <alignment horizontal="center"/>
    </xf>
    <xf numFmtId="0" fontId="12" fillId="2" borderId="45" xfId="0" applyFont="1" applyFill="1" applyBorder="1" applyAlignment="1">
      <alignment horizontal="center"/>
    </xf>
    <xf numFmtId="0" fontId="12" fillId="2" borderId="48" xfId="0" applyFont="1" applyFill="1" applyBorder="1" applyAlignment="1">
      <alignment horizontal="center"/>
    </xf>
    <xf numFmtId="0" fontId="12" fillId="2" borderId="0" xfId="0" applyFont="1" applyFill="1" applyBorder="1" applyAlignment="1">
      <alignment horizontal="center"/>
    </xf>
    <xf numFmtId="0" fontId="0" fillId="12" borderId="51" xfId="0" applyFill="1" applyBorder="1" applyAlignment="1">
      <alignment horizontal="center" shrinkToFit="1"/>
    </xf>
    <xf numFmtId="0" fontId="0" fillId="12" borderId="52" xfId="0" applyFill="1" applyBorder="1" applyAlignment="1">
      <alignment horizontal="center" shrinkToFit="1"/>
    </xf>
    <xf numFmtId="0" fontId="7" fillId="5" borderId="44" xfId="1" applyFill="1" applyBorder="1" applyAlignment="1">
      <alignment horizontal="left" vertical="center"/>
    </xf>
    <xf numFmtId="0" fontId="7" fillId="5" borderId="45" xfId="1" applyFill="1" applyBorder="1" applyAlignment="1">
      <alignment horizontal="left" vertical="center"/>
    </xf>
    <xf numFmtId="0" fontId="7" fillId="5" borderId="46" xfId="1" applyFill="1" applyBorder="1" applyAlignment="1">
      <alignment horizontal="left" vertical="center"/>
    </xf>
    <xf numFmtId="0" fontId="7" fillId="5" borderId="51" xfId="1" applyFill="1" applyBorder="1" applyAlignment="1">
      <alignment horizontal="left" vertical="center"/>
    </xf>
    <xf numFmtId="0" fontId="7" fillId="5" borderId="52" xfId="1" applyFill="1" applyBorder="1" applyAlignment="1">
      <alignment horizontal="left" vertical="center"/>
    </xf>
    <xf numFmtId="0" fontId="7" fillId="5" borderId="53" xfId="1" applyFill="1" applyBorder="1" applyAlignment="1">
      <alignment horizontal="left" vertical="center"/>
    </xf>
    <xf numFmtId="0" fontId="0" fillId="5" borderId="56" xfId="0" applyFill="1" applyBorder="1" applyAlignment="1">
      <alignment horizontal="left" vertical="center"/>
    </xf>
    <xf numFmtId="0" fontId="0" fillId="5" borderId="54" xfId="0" applyFill="1" applyBorder="1" applyAlignment="1">
      <alignment horizontal="left" vertical="center"/>
    </xf>
    <xf numFmtId="0" fontId="0" fillId="5" borderId="55" xfId="0" applyFill="1" applyBorder="1" applyAlignment="1">
      <alignment horizontal="left" vertical="center"/>
    </xf>
    <xf numFmtId="0" fontId="8" fillId="6" borderId="44" xfId="0" applyFont="1" applyFill="1" applyBorder="1" applyAlignment="1">
      <alignment horizontal="center"/>
    </xf>
    <xf numFmtId="0" fontId="8" fillId="6" borderId="45" xfId="0" applyFont="1" applyFill="1" applyBorder="1" applyAlignment="1">
      <alignment horizontal="center"/>
    </xf>
    <xf numFmtId="0" fontId="8" fillId="6" borderId="48" xfId="0" applyFont="1" applyFill="1" applyBorder="1" applyAlignment="1">
      <alignment horizontal="center"/>
    </xf>
    <xf numFmtId="0" fontId="8" fillId="6" borderId="0" xfId="0" applyFont="1" applyFill="1" applyBorder="1" applyAlignment="1">
      <alignment horizontal="center"/>
    </xf>
    <xf numFmtId="0" fontId="0" fillId="5" borderId="44" xfId="0" applyFill="1" applyBorder="1" applyAlignment="1">
      <alignment horizontal="center"/>
    </xf>
    <xf numFmtId="0" fontId="0" fillId="5" borderId="48" xfId="0" applyFill="1" applyBorder="1" applyAlignment="1">
      <alignment horizontal="center"/>
    </xf>
    <xf numFmtId="0" fontId="8" fillId="13" borderId="44" xfId="0" applyFont="1" applyFill="1" applyBorder="1" applyAlignment="1">
      <alignment horizontal="center"/>
    </xf>
    <xf numFmtId="0" fontId="8" fillId="13" borderId="45" xfId="0" applyFont="1" applyFill="1" applyBorder="1" applyAlignment="1">
      <alignment horizontal="center"/>
    </xf>
    <xf numFmtId="0" fontId="8" fillId="13" borderId="48" xfId="0" applyFont="1" applyFill="1" applyBorder="1" applyAlignment="1">
      <alignment horizontal="center"/>
    </xf>
    <xf numFmtId="0" fontId="8" fillId="13" borderId="0" xfId="0" applyFont="1" applyFill="1" applyBorder="1" applyAlignment="1">
      <alignment horizontal="center"/>
    </xf>
    <xf numFmtId="0" fontId="12" fillId="5" borderId="42" xfId="1" applyFont="1" applyFill="1" applyBorder="1" applyAlignment="1">
      <alignment horizontal="left" vertical="center" wrapText="1"/>
    </xf>
    <xf numFmtId="0" fontId="12" fillId="5" borderId="56" xfId="1" applyFont="1" applyFill="1" applyBorder="1" applyAlignment="1">
      <alignment horizontal="left" vertical="center" wrapText="1"/>
    </xf>
    <xf numFmtId="0" fontId="12" fillId="5" borderId="54" xfId="1" applyFont="1" applyFill="1" applyBorder="1" applyAlignment="1">
      <alignment horizontal="left" vertical="center" wrapText="1"/>
    </xf>
    <xf numFmtId="0" fontId="12" fillId="5" borderId="55" xfId="1" applyFont="1" applyFill="1" applyBorder="1" applyAlignment="1">
      <alignment horizontal="left" vertical="center" wrapText="1"/>
    </xf>
    <xf numFmtId="0" fontId="17" fillId="14" borderId="44" xfId="0" applyFont="1" applyFill="1" applyBorder="1" applyAlignment="1">
      <alignment horizontal="center" wrapText="1"/>
    </xf>
    <xf numFmtId="0" fontId="17" fillId="14" borderId="45" xfId="0" applyFont="1" applyFill="1" applyBorder="1" applyAlignment="1">
      <alignment horizontal="center" wrapText="1"/>
    </xf>
    <xf numFmtId="0" fontId="17" fillId="14" borderId="48" xfId="0" applyFont="1" applyFill="1" applyBorder="1" applyAlignment="1">
      <alignment horizontal="center" wrapText="1"/>
    </xf>
    <xf numFmtId="0" fontId="17" fillId="14" borderId="0" xfId="0" applyFont="1" applyFill="1" applyBorder="1" applyAlignment="1">
      <alignment horizontal="center" wrapText="1"/>
    </xf>
    <xf numFmtId="0" fontId="8" fillId="2" borderId="44" xfId="0" applyFont="1" applyFill="1" applyBorder="1" applyAlignment="1">
      <alignment horizontal="center"/>
    </xf>
    <xf numFmtId="0" fontId="8" fillId="2" borderId="45" xfId="0" applyFont="1" applyFill="1" applyBorder="1" applyAlignment="1">
      <alignment horizontal="center"/>
    </xf>
    <xf numFmtId="0" fontId="8" fillId="2" borderId="48" xfId="0" applyFont="1" applyFill="1" applyBorder="1" applyAlignment="1">
      <alignment horizontal="center"/>
    </xf>
    <xf numFmtId="0" fontId="8" fillId="2" borderId="0" xfId="0" applyFont="1" applyFill="1" applyBorder="1" applyAlignment="1">
      <alignment horizontal="center"/>
    </xf>
    <xf numFmtId="0" fontId="8" fillId="13" borderId="44" xfId="0" applyFont="1" applyFill="1" applyBorder="1" applyAlignment="1">
      <alignment horizontal="center" wrapText="1"/>
    </xf>
    <xf numFmtId="0" fontId="8" fillId="13" borderId="45" xfId="0" applyFont="1" applyFill="1" applyBorder="1" applyAlignment="1">
      <alignment horizontal="center" wrapText="1"/>
    </xf>
    <xf numFmtId="0" fontId="8" fillId="13" borderId="48" xfId="0" applyFont="1" applyFill="1" applyBorder="1" applyAlignment="1">
      <alignment horizontal="center" wrapText="1"/>
    </xf>
    <xf numFmtId="0" fontId="8" fillId="13" borderId="0" xfId="0" applyFont="1" applyFill="1" applyBorder="1" applyAlignment="1">
      <alignment horizontal="center" wrapText="1"/>
    </xf>
    <xf numFmtId="0" fontId="8" fillId="13" borderId="51" xfId="0" applyFont="1" applyFill="1" applyBorder="1" applyAlignment="1">
      <alignment horizontal="center" wrapText="1"/>
    </xf>
    <xf numFmtId="0" fontId="8" fillId="13" borderId="52" xfId="0" applyFont="1" applyFill="1" applyBorder="1" applyAlignment="1">
      <alignment horizontal="center" wrapText="1"/>
    </xf>
  </cellXfs>
  <cellStyles count="2">
    <cellStyle name="ハイパーリンク" xfId="1" builtinId="8"/>
    <cellStyle name="標準" xfId="0" builtinId="0"/>
  </cellStyles>
  <dxfs count="371"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FFC000"/>
        </patternFill>
      </fill>
    </dxf>
    <dxf>
      <fill>
        <patternFill>
          <bgColor theme="9" tint="0.59996337778862885"/>
        </patternFill>
      </fill>
    </dxf>
    <dxf>
      <fill>
        <patternFill>
          <bgColor theme="9" tint="0.59996337778862885"/>
        </patternFill>
      </fill>
    </dxf>
    <dxf>
      <fill>
        <patternFill>
          <bgColor theme="5" tint="0.39994506668294322"/>
        </patternFill>
      </fill>
    </dxf>
    <dxf>
      <fill>
        <patternFill>
          <bgColor theme="7" tint="0.3999450666829432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13765</xdr:colOff>
      <xdr:row>6</xdr:row>
      <xdr:rowOff>112568</xdr:rowOff>
    </xdr:from>
    <xdr:to>
      <xdr:col>8</xdr:col>
      <xdr:colOff>329046</xdr:colOff>
      <xdr:row>30</xdr:row>
      <xdr:rowOff>4948</xdr:rowOff>
    </xdr:to>
    <xdr:sp macro="" textlink="">
      <xdr:nvSpPr>
        <xdr:cNvPr id="2" name="正方形/長方形 1"/>
        <xdr:cNvSpPr/>
      </xdr:nvSpPr>
      <xdr:spPr>
        <a:xfrm>
          <a:off x="313765" y="1118408"/>
          <a:ext cx="5014001" cy="3915740"/>
        </a:xfrm>
        <a:prstGeom prst="rect">
          <a:avLst/>
        </a:prstGeom>
        <a:solidFill>
          <a:srgbClr val="FB7D7D"/>
        </a:solidFill>
        <a:ln>
          <a:noFill/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>
            <a:lnSpc>
              <a:spcPts val="3700"/>
            </a:lnSpc>
          </a:pPr>
          <a:endParaRPr kumimoji="1" lang="en-US" altLang="ja-JP" sz="3600"/>
        </a:p>
        <a:p>
          <a:pPr algn="l">
            <a:lnSpc>
              <a:spcPts val="3000"/>
            </a:lnSpc>
          </a:pPr>
          <a:endParaRPr kumimoji="1" lang="en-US" altLang="ja-JP" sz="3600"/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神奈川県内市町村</a:t>
          </a:r>
          <a:endParaRPr kumimoji="1" lang="en-US" altLang="ja-JP" sz="3600" u="sng"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医療的ケア児に関する</a:t>
          </a:r>
          <a:endParaRPr kumimoji="1" lang="en-US" altLang="ja-JP" sz="3600" u="sng"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関係窓口一覧</a:t>
          </a:r>
        </a:p>
      </xdr:txBody>
    </xdr:sp>
    <xdr:clientData/>
  </xdr:twoCellAnchor>
  <xdr:twoCellAnchor>
    <xdr:from>
      <xdr:col>0</xdr:col>
      <xdr:colOff>315686</xdr:colOff>
      <xdr:row>27</xdr:row>
      <xdr:rowOff>87086</xdr:rowOff>
    </xdr:from>
    <xdr:to>
      <xdr:col>8</xdr:col>
      <xdr:colOff>337458</xdr:colOff>
      <xdr:row>28</xdr:row>
      <xdr:rowOff>53469</xdr:rowOff>
    </xdr:to>
    <xdr:sp macro="" textlink="">
      <xdr:nvSpPr>
        <xdr:cNvPr id="3" name="正方形/長方形 2"/>
        <xdr:cNvSpPr/>
      </xdr:nvSpPr>
      <xdr:spPr>
        <a:xfrm>
          <a:off x="315686" y="4613366"/>
          <a:ext cx="5020492" cy="134023"/>
        </a:xfrm>
        <a:prstGeom prst="rect">
          <a:avLst/>
        </a:prstGeom>
        <a:solidFill>
          <a:srgbClr val="FCD8D8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598713</xdr:colOff>
      <xdr:row>6</xdr:row>
      <xdr:rowOff>108859</xdr:rowOff>
    </xdr:from>
    <xdr:to>
      <xdr:col>8</xdr:col>
      <xdr:colOff>104774</xdr:colOff>
      <xdr:row>30</xdr:row>
      <xdr:rowOff>9296</xdr:rowOff>
    </xdr:to>
    <xdr:sp macro="" textlink="">
      <xdr:nvSpPr>
        <xdr:cNvPr id="4" name="正方形/長方形 3"/>
        <xdr:cNvSpPr/>
      </xdr:nvSpPr>
      <xdr:spPr>
        <a:xfrm rot="5400000">
          <a:off x="3076145" y="3011147"/>
          <a:ext cx="3923797" cy="130901"/>
        </a:xfrm>
        <a:prstGeom prst="rect">
          <a:avLst/>
        </a:prstGeom>
        <a:solidFill>
          <a:srgbClr val="FCD8D8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602062</xdr:colOff>
      <xdr:row>7</xdr:row>
      <xdr:rowOff>40601</xdr:rowOff>
    </xdr:from>
    <xdr:to>
      <xdr:col>7</xdr:col>
      <xdr:colOff>515472</xdr:colOff>
      <xdr:row>10</xdr:row>
      <xdr:rowOff>40602</xdr:rowOff>
    </xdr:to>
    <xdr:sp macro="" textlink="">
      <xdr:nvSpPr>
        <xdr:cNvPr id="5" name="正方形/長方形 4"/>
        <xdr:cNvSpPr/>
      </xdr:nvSpPr>
      <xdr:spPr>
        <a:xfrm>
          <a:off x="3101422" y="1214081"/>
          <a:ext cx="1787930" cy="502921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r"/>
          <a:r>
            <a:rPr kumimoji="1" lang="ja-JP" altLang="en-US" sz="1800">
              <a:latin typeface="HGｺﾞｼｯｸM" panose="020B0609000000000000" pitchFamily="49" charset="-128"/>
              <a:ea typeface="HGｺﾞｼｯｸM" panose="020B0609000000000000" pitchFamily="49" charset="-128"/>
            </a:rPr>
            <a:t>平成</a:t>
          </a:r>
          <a:r>
            <a:rPr kumimoji="1" lang="en-US" altLang="ja-JP" sz="1800">
              <a:latin typeface="HGｺﾞｼｯｸM" panose="020B0609000000000000" pitchFamily="49" charset="-128"/>
              <a:ea typeface="HGｺﾞｼｯｸM" panose="020B0609000000000000" pitchFamily="49" charset="-128"/>
            </a:rPr>
            <a:t>30</a:t>
          </a:r>
          <a:r>
            <a:rPr kumimoji="1" lang="ja-JP" altLang="en-US" sz="1800">
              <a:latin typeface="HGｺﾞｼｯｸM" panose="020B0609000000000000" pitchFamily="49" charset="-128"/>
              <a:ea typeface="HGｺﾞｼｯｸM" panose="020B0609000000000000" pitchFamily="49" charset="-128"/>
            </a:rPr>
            <a:t>年７月版</a:t>
          </a:r>
        </a:p>
      </xdr:txBody>
    </xdr:sp>
    <xdr:clientData/>
  </xdr:twoCellAnchor>
  <xdr:twoCellAnchor>
    <xdr:from>
      <xdr:col>5</xdr:col>
      <xdr:colOff>416379</xdr:colOff>
      <xdr:row>48</xdr:row>
      <xdr:rowOff>76839</xdr:rowOff>
    </xdr:from>
    <xdr:to>
      <xdr:col>8</xdr:col>
      <xdr:colOff>572011</xdr:colOff>
      <xdr:row>57</xdr:row>
      <xdr:rowOff>12124</xdr:rowOff>
    </xdr:to>
    <xdr:sp macro="" textlink="">
      <xdr:nvSpPr>
        <xdr:cNvPr id="6" name="正方形/長方形 5"/>
        <xdr:cNvSpPr/>
      </xdr:nvSpPr>
      <xdr:spPr>
        <a:xfrm>
          <a:off x="3540579" y="8123559"/>
          <a:ext cx="2030152" cy="1444045"/>
        </a:xfrm>
        <a:prstGeom prst="rect">
          <a:avLst/>
        </a:prstGeom>
        <a:solidFill>
          <a:sysClr val="window" lastClr="FFFFFF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en-US" altLang="ja-JP" sz="1400">
            <a:solidFill>
              <a:sysClr val="windowText" lastClr="000000"/>
            </a:solidFill>
            <a:latin typeface="HGｺﾞｼｯｸM" panose="020B0609000000000000" pitchFamily="49" charset="-128"/>
            <a:ea typeface="HGｺﾞｼｯｸM" panose="020B0609000000000000" pitchFamily="49" charset="-128"/>
          </a:endParaRPr>
        </a:p>
        <a:p>
          <a:pPr algn="l"/>
          <a:r>
            <a:rPr kumimoji="1" lang="ja-JP" altLang="en-US" sz="1400">
              <a:solidFill>
                <a:sysClr val="windowText" lastClr="000000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rPr>
            <a:t>神奈川県健康医療局</a:t>
          </a:r>
          <a:endParaRPr kumimoji="1" lang="en-US" altLang="ja-JP" sz="1400">
            <a:solidFill>
              <a:sysClr val="windowText" lastClr="000000"/>
            </a:solidFill>
            <a:latin typeface="HGｺﾞｼｯｸM" panose="020B0609000000000000" pitchFamily="49" charset="-128"/>
            <a:ea typeface="HGｺﾞｼｯｸM" panose="020B0609000000000000" pitchFamily="49" charset="-128"/>
          </a:endParaRPr>
        </a:p>
        <a:p>
          <a:pPr algn="l"/>
          <a:r>
            <a:rPr kumimoji="1" lang="ja-JP" altLang="en-US" sz="1400">
              <a:solidFill>
                <a:sysClr val="windowText" lastClr="000000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rPr>
            <a:t>保健医療部医療課</a:t>
          </a:r>
          <a:endParaRPr kumimoji="1" lang="en-US" altLang="ja-JP" sz="1400">
            <a:solidFill>
              <a:sysClr val="windowText" lastClr="000000"/>
            </a:solidFill>
            <a:latin typeface="HGｺﾞｼｯｸM" panose="020B0609000000000000" pitchFamily="49" charset="-128"/>
            <a:ea typeface="HGｺﾞｼｯｸM" panose="020B0609000000000000" pitchFamily="49" charset="-128"/>
          </a:endParaRPr>
        </a:p>
        <a:p>
          <a:pPr algn="l"/>
          <a:r>
            <a:rPr kumimoji="1" lang="ja-JP" altLang="en-US" sz="1400">
              <a:solidFill>
                <a:sysClr val="windowText" lastClr="000000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rPr>
            <a:t>地域包括ケアグループ</a:t>
          </a:r>
        </a:p>
      </xdr:txBody>
    </xdr:sp>
    <xdr:clientData/>
  </xdr:twoCellAnchor>
  <xdr:twoCellAnchor editAs="oneCell">
    <xdr:from>
      <xdr:col>1</xdr:col>
      <xdr:colOff>259450</xdr:colOff>
      <xdr:row>44</xdr:row>
      <xdr:rowOff>151960</xdr:rowOff>
    </xdr:from>
    <xdr:to>
      <xdr:col>5</xdr:col>
      <xdr:colOff>259771</xdr:colOff>
      <xdr:row>56</xdr:row>
      <xdr:rowOff>155418</xdr:rowOff>
    </xdr:to>
    <xdr:pic>
      <xdr:nvPicPr>
        <xdr:cNvPr id="7" name="図 6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884290" y="7528120"/>
          <a:ext cx="2499681" cy="2015138"/>
        </a:xfrm>
        <a:prstGeom prst="rect">
          <a:avLst/>
        </a:prstGeom>
      </xdr:spPr>
    </xdr:pic>
    <xdr:clientData/>
  </xdr:twoCellAnchor>
  <xdr:twoCellAnchor editAs="oneCell">
    <xdr:from>
      <xdr:col>0</xdr:col>
      <xdr:colOff>367528</xdr:colOff>
      <xdr:row>35</xdr:row>
      <xdr:rowOff>78752</xdr:rowOff>
    </xdr:from>
    <xdr:to>
      <xdr:col>3</xdr:col>
      <xdr:colOff>338077</xdr:colOff>
      <xdr:row>44</xdr:row>
      <xdr:rowOff>89654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67528" y="5946152"/>
          <a:ext cx="1845069" cy="1519662"/>
        </a:xfrm>
        <a:prstGeom prst="rect">
          <a:avLst/>
        </a:prstGeom>
      </xdr:spPr>
    </xdr:pic>
    <xdr:clientData/>
  </xdr:twoCellAnchor>
  <xdr:twoCellAnchor>
    <xdr:from>
      <xdr:col>0</xdr:col>
      <xdr:colOff>57150</xdr:colOff>
      <xdr:row>35</xdr:row>
      <xdr:rowOff>48586</xdr:rowOff>
    </xdr:from>
    <xdr:to>
      <xdr:col>3</xdr:col>
      <xdr:colOff>606136</xdr:colOff>
      <xdr:row>45</xdr:row>
      <xdr:rowOff>36530</xdr:rowOff>
    </xdr:to>
    <xdr:sp macro="" textlink="">
      <xdr:nvSpPr>
        <xdr:cNvPr id="9" name="円形吹き出し 8"/>
        <xdr:cNvSpPr/>
      </xdr:nvSpPr>
      <xdr:spPr>
        <a:xfrm>
          <a:off x="57150" y="5915986"/>
          <a:ext cx="2423506" cy="1664344"/>
        </a:xfrm>
        <a:prstGeom prst="wedgeEllipseCallout">
          <a:avLst>
            <a:gd name="adj1" fmla="val 9045"/>
            <a:gd name="adj2" fmla="val 58610"/>
          </a:avLst>
        </a:prstGeom>
        <a:noFill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64479</xdr:colOff>
      <xdr:row>5</xdr:row>
      <xdr:rowOff>48161</xdr:rowOff>
    </xdr:from>
    <xdr:to>
      <xdr:col>8</xdr:col>
      <xdr:colOff>571500</xdr:colOff>
      <xdr:row>30</xdr:row>
      <xdr:rowOff>159714</xdr:rowOff>
    </xdr:to>
    <xdr:sp macro="" textlink="">
      <xdr:nvSpPr>
        <xdr:cNvPr id="10" name="正方形/長方形 9"/>
        <xdr:cNvSpPr/>
      </xdr:nvSpPr>
      <xdr:spPr>
        <a:xfrm>
          <a:off x="64479" y="886361"/>
          <a:ext cx="5505741" cy="4302553"/>
        </a:xfrm>
        <a:prstGeom prst="rect">
          <a:avLst/>
        </a:prstGeom>
        <a:solidFill>
          <a:srgbClr val="FB7D7D"/>
        </a:solidFill>
        <a:ln>
          <a:noFill/>
        </a:ln>
      </xdr:spPr>
      <xdr:style>
        <a:lnRef idx="2">
          <a:schemeClr val="accent2">
            <a:shade val="50000"/>
          </a:schemeClr>
        </a:lnRef>
        <a:fillRef idx="1">
          <a:schemeClr val="accent2"/>
        </a:fillRef>
        <a:effectRef idx="0">
          <a:schemeClr val="accent2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>
            <a:lnSpc>
              <a:spcPts val="3700"/>
            </a:lnSpc>
          </a:pPr>
          <a:endParaRPr kumimoji="1" lang="en-US" altLang="ja-JP" sz="3600"/>
        </a:p>
        <a:p>
          <a:pPr algn="l">
            <a:lnSpc>
              <a:spcPts val="3000"/>
            </a:lnSpc>
          </a:pPr>
          <a:endParaRPr kumimoji="1" lang="en-US" altLang="ja-JP" sz="3600"/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神奈川県内市町村の</a:t>
          </a:r>
          <a:endParaRPr kumimoji="1" lang="en-US" altLang="ja-JP" sz="3600" u="sng"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医療的ケア児に関する</a:t>
          </a:r>
          <a:endParaRPr kumimoji="1" lang="en-US" altLang="ja-JP" sz="3600" u="sng"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pPr algn="l">
            <a:lnSpc>
              <a:spcPts val="6000"/>
            </a:lnSpc>
          </a:pPr>
          <a:r>
            <a:rPr kumimoji="1" lang="ja-JP" altLang="en-US" sz="3600" u="sng">
              <a:latin typeface="HGPｺﾞｼｯｸM" panose="020B0600000000000000" pitchFamily="50" charset="-128"/>
              <a:ea typeface="HGPｺﾞｼｯｸM" panose="020B0600000000000000" pitchFamily="50" charset="-128"/>
            </a:rPr>
            <a:t>問い合わせ窓口一覧</a:t>
          </a:r>
        </a:p>
      </xdr:txBody>
    </xdr:sp>
    <xdr:clientData/>
  </xdr:twoCellAnchor>
  <xdr:twoCellAnchor>
    <xdr:from>
      <xdr:col>0</xdr:col>
      <xdr:colOff>66142</xdr:colOff>
      <xdr:row>27</xdr:row>
      <xdr:rowOff>78973</xdr:rowOff>
    </xdr:from>
    <xdr:to>
      <xdr:col>8</xdr:col>
      <xdr:colOff>580285</xdr:colOff>
      <xdr:row>28</xdr:row>
      <xdr:rowOff>58792</xdr:rowOff>
    </xdr:to>
    <xdr:sp macro="" textlink="">
      <xdr:nvSpPr>
        <xdr:cNvPr id="11" name="正方形/長方形 10"/>
        <xdr:cNvSpPr/>
      </xdr:nvSpPr>
      <xdr:spPr>
        <a:xfrm>
          <a:off x="66142" y="4605253"/>
          <a:ext cx="5512863" cy="147459"/>
        </a:xfrm>
        <a:prstGeom prst="rect">
          <a:avLst/>
        </a:prstGeom>
        <a:solidFill>
          <a:srgbClr val="FCD8D8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</xdr:col>
      <xdr:colOff>559592</xdr:colOff>
      <xdr:row>5</xdr:row>
      <xdr:rowOff>43972</xdr:rowOff>
    </xdr:from>
    <xdr:to>
      <xdr:col>8</xdr:col>
      <xdr:colOff>64894</xdr:colOff>
      <xdr:row>30</xdr:row>
      <xdr:rowOff>164381</xdr:rowOff>
    </xdr:to>
    <xdr:sp macro="" textlink="">
      <xdr:nvSpPr>
        <xdr:cNvPr id="12" name="正方形/長方形 11"/>
        <xdr:cNvSpPr/>
      </xdr:nvSpPr>
      <xdr:spPr>
        <a:xfrm rot="5400000">
          <a:off x="2842838" y="2972806"/>
          <a:ext cx="4311409" cy="130142"/>
        </a:xfrm>
        <a:prstGeom prst="rect">
          <a:avLst/>
        </a:prstGeom>
        <a:solidFill>
          <a:srgbClr val="FCD8D8"/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482504</xdr:colOff>
      <xdr:row>7</xdr:row>
      <xdr:rowOff>10327</xdr:rowOff>
    </xdr:from>
    <xdr:to>
      <xdr:col>7</xdr:col>
      <xdr:colOff>571317</xdr:colOff>
      <xdr:row>10</xdr:row>
      <xdr:rowOff>60467</xdr:rowOff>
    </xdr:to>
    <xdr:sp macro="" textlink="">
      <xdr:nvSpPr>
        <xdr:cNvPr id="13" name="正方形/長方形 12"/>
        <xdr:cNvSpPr/>
      </xdr:nvSpPr>
      <xdr:spPr>
        <a:xfrm>
          <a:off x="2981864" y="1183807"/>
          <a:ext cx="1963333" cy="553060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r"/>
          <a:r>
            <a:rPr kumimoji="1" lang="ja-JP" altLang="en-US" sz="1800">
              <a:latin typeface="HGｺﾞｼｯｸM" panose="020B0609000000000000" pitchFamily="49" charset="-128"/>
              <a:ea typeface="HGｺﾞｼｯｸM" panose="020B0609000000000000" pitchFamily="49" charset="-128"/>
            </a:rPr>
            <a:t>令和４年６月版</a:t>
          </a:r>
        </a:p>
      </xdr:txBody>
    </xdr:sp>
    <xdr:clientData/>
  </xdr:twoCellAnchor>
  <xdr:twoCellAnchor>
    <xdr:from>
      <xdr:col>3</xdr:col>
      <xdr:colOff>516082</xdr:colOff>
      <xdr:row>144</xdr:row>
      <xdr:rowOff>102177</xdr:rowOff>
    </xdr:from>
    <xdr:to>
      <xdr:col>8</xdr:col>
      <xdr:colOff>563707</xdr:colOff>
      <xdr:row>151</xdr:row>
      <xdr:rowOff>107576</xdr:rowOff>
    </xdr:to>
    <xdr:sp macro="" textlink="">
      <xdr:nvSpPr>
        <xdr:cNvPr id="14" name="線吹き出し 1 (枠付き) 13"/>
        <xdr:cNvSpPr/>
      </xdr:nvSpPr>
      <xdr:spPr>
        <a:xfrm>
          <a:off x="2390602" y="24303297"/>
          <a:ext cx="3171825" cy="1178879"/>
        </a:xfrm>
        <a:prstGeom prst="borderCallout1">
          <a:avLst>
            <a:gd name="adj1" fmla="val 38750"/>
            <a:gd name="adj2" fmla="val -1834"/>
            <a:gd name="adj3" fmla="val 14077"/>
            <a:gd name="adj4" fmla="val -8184"/>
          </a:avLst>
        </a:prstGeom>
        <a:ln w="19050">
          <a:solidFill>
            <a:srgbClr val="FF0000"/>
          </a:solidFill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tIns="36000" bIns="36000" rtlCol="0" anchor="ctr"/>
        <a:lstStyle/>
        <a:p>
          <a:pPr algn="l"/>
          <a:r>
            <a:rPr kumimoji="1" lang="ja-JP" altLang="en-US" sz="1100"/>
            <a:t>電話番号の表記について</a:t>
          </a:r>
          <a:endParaRPr kumimoji="1" lang="en-US" altLang="ja-JP" sz="1100"/>
        </a:p>
        <a:p>
          <a:pPr algn="l"/>
          <a:r>
            <a:rPr kumimoji="1" lang="ja-JP" altLang="en-US" sz="1100"/>
            <a:t>（直通）　　　・・・所管課等にそのままつながります。</a:t>
          </a:r>
          <a:endParaRPr kumimoji="1" lang="en-US" altLang="ja-JP" sz="1100"/>
        </a:p>
        <a:p>
          <a:pPr algn="l"/>
          <a:r>
            <a:rPr kumimoji="1" lang="ja-JP" altLang="en-US" sz="1100"/>
            <a:t>（代表）　　　・・・代表番号につながりますので、</a:t>
          </a:r>
          <a:endParaRPr kumimoji="1" lang="en-US" altLang="ja-JP" sz="1100"/>
        </a:p>
        <a:p>
          <a:pPr algn="l"/>
          <a:r>
            <a:rPr kumimoji="1" lang="ja-JP" altLang="en-US" sz="1100"/>
            <a:t>　　　　　　　　　　交換手に課名等を伝えてください。</a:t>
          </a:r>
          <a:endParaRPr kumimoji="1" lang="en-US" altLang="ja-JP" sz="1100"/>
        </a:p>
      </xdr:txBody>
    </xdr:sp>
    <xdr:clientData/>
  </xdr:twoCellAnchor>
  <xdr:twoCellAnchor>
    <xdr:from>
      <xdr:col>5</xdr:col>
      <xdr:colOff>219076</xdr:colOff>
      <xdr:row>132</xdr:row>
      <xdr:rowOff>85726</xdr:rowOff>
    </xdr:from>
    <xdr:to>
      <xdr:col>8</xdr:col>
      <xdr:colOff>552450</xdr:colOff>
      <xdr:row>136</xdr:row>
      <xdr:rowOff>133350</xdr:rowOff>
    </xdr:to>
    <xdr:sp macro="" textlink="">
      <xdr:nvSpPr>
        <xdr:cNvPr id="15" name="線吹き出し 2 (枠付き) 14"/>
        <xdr:cNvSpPr/>
      </xdr:nvSpPr>
      <xdr:spPr>
        <a:xfrm>
          <a:off x="3343276" y="22275166"/>
          <a:ext cx="2207894" cy="718184"/>
        </a:xfrm>
        <a:prstGeom prst="borderCallout2">
          <a:avLst>
            <a:gd name="adj1" fmla="val 26369"/>
            <a:gd name="adj2" fmla="val -3767"/>
            <a:gd name="adj3" fmla="val 62473"/>
            <a:gd name="adj4" fmla="val -26304"/>
            <a:gd name="adj5" fmla="val 237274"/>
            <a:gd name="adj6" fmla="val -69023"/>
          </a:avLst>
        </a:prstGeom>
        <a:ln w="19050">
          <a:solidFill>
            <a:srgbClr val="FF0000"/>
          </a:solidFill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/>
            <a:t>同分類の窓口がある場合などには、備考欄にカッコ書きで所管内容を補足しています。</a:t>
          </a:r>
        </a:p>
      </xdr:txBody>
    </xdr:sp>
    <xdr:clientData/>
  </xdr:twoCellAnchor>
  <xdr:twoCellAnchor>
    <xdr:from>
      <xdr:col>2</xdr:col>
      <xdr:colOff>533400</xdr:colOff>
      <xdr:row>133</xdr:row>
      <xdr:rowOff>133350</xdr:rowOff>
    </xdr:from>
    <xdr:to>
      <xdr:col>4</xdr:col>
      <xdr:colOff>272143</xdr:colOff>
      <xdr:row>135</xdr:row>
      <xdr:rowOff>27214</xdr:rowOff>
    </xdr:to>
    <xdr:cxnSp macro="">
      <xdr:nvCxnSpPr>
        <xdr:cNvPr id="16" name="直線コネクタ 15"/>
        <xdr:cNvCxnSpPr/>
      </xdr:nvCxnSpPr>
      <xdr:spPr>
        <a:xfrm>
          <a:off x="1783080" y="22490430"/>
          <a:ext cx="988423" cy="229144"/>
        </a:xfrm>
        <a:prstGeom prst="line">
          <a:avLst/>
        </a:prstGeom>
        <a:ln w="19050">
          <a:solidFill>
            <a:srgbClr val="FF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470647</xdr:colOff>
      <xdr:row>120</xdr:row>
      <xdr:rowOff>76200</xdr:rowOff>
    </xdr:from>
    <xdr:to>
      <xdr:col>8</xdr:col>
      <xdr:colOff>600075</xdr:colOff>
      <xdr:row>127</xdr:row>
      <xdr:rowOff>33618</xdr:rowOff>
    </xdr:to>
    <xdr:sp macro="" textlink="">
      <xdr:nvSpPr>
        <xdr:cNvPr id="17" name="線吹き出し 1 (枠付き) 16"/>
        <xdr:cNvSpPr/>
      </xdr:nvSpPr>
      <xdr:spPr>
        <a:xfrm>
          <a:off x="2345167" y="20253960"/>
          <a:ext cx="3253628" cy="1130898"/>
        </a:xfrm>
        <a:prstGeom prst="borderCallout1">
          <a:avLst>
            <a:gd name="adj1" fmla="val 38750"/>
            <a:gd name="adj2" fmla="val -1834"/>
            <a:gd name="adj3" fmla="val 55113"/>
            <a:gd name="adj4" fmla="val -13789"/>
          </a:avLst>
        </a:prstGeom>
        <a:ln w="19050">
          <a:solidFill>
            <a:srgbClr val="FF0000"/>
          </a:solidFill>
        </a:ln>
      </xdr:spPr>
      <xdr:style>
        <a:lnRef idx="2">
          <a:schemeClr val="accent2"/>
        </a:lnRef>
        <a:fillRef idx="1">
          <a:schemeClr val="lt1"/>
        </a:fillRef>
        <a:effectRef idx="0">
          <a:schemeClr val="accent2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100"/>
            <a:t>各窓口の所管内容を大まかに分類しています。</a:t>
          </a:r>
          <a:endParaRPr kumimoji="1" lang="en-US" altLang="ja-JP" sz="1100"/>
        </a:p>
        <a:p>
          <a:pPr algn="l"/>
          <a:r>
            <a:rPr kumimoji="1" lang="ja-JP" altLang="en-US" sz="1100" b="1" u="sng"/>
            <a:t>各自治体の最上部</a:t>
          </a:r>
          <a:r>
            <a:rPr kumimoji="1" lang="ja-JP" altLang="en-US" sz="1100" u="sng"/>
            <a:t>に記載された窓口に「</a:t>
          </a:r>
          <a:r>
            <a:rPr kumimoji="1" lang="ja-JP" altLang="en-US" sz="1100" b="1" u="sng"/>
            <a:t>各種相談</a:t>
          </a:r>
          <a:r>
            <a:rPr kumimoji="1" lang="ja-JP" altLang="en-US" sz="1100" u="sng"/>
            <a:t>」</a:t>
          </a:r>
          <a:r>
            <a:rPr kumimoji="1" lang="ja-JP" altLang="en-US" sz="1100" u="none"/>
            <a:t>と標記されている場合には、こちらで</a:t>
          </a:r>
          <a:r>
            <a:rPr kumimoji="1" lang="ja-JP" altLang="en-US" sz="1100" u="sng"/>
            <a:t>医療的ケア児に関する全般的な相談</a:t>
          </a:r>
          <a:r>
            <a:rPr kumimoji="1" lang="ja-JP" altLang="en-US" sz="1100" u="none"/>
            <a:t>をお受けしています。</a:t>
          </a:r>
          <a:endParaRPr kumimoji="1" lang="en-US" altLang="ja-JP" sz="1100" u="none"/>
        </a:p>
        <a:p>
          <a:pPr algn="l"/>
          <a:r>
            <a:rPr kumimoji="1" lang="ja-JP" altLang="en-US" sz="1100" u="sng"/>
            <a:t>（状況により他部署にお繋ぎすることがあります。）</a:t>
          </a:r>
          <a:endParaRPr kumimoji="1" lang="en-US" altLang="ja-JP" sz="1100" u="sng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17" Type="http://schemas.openxmlformats.org/officeDocument/2006/relationships/hyperlink" Target="tel:0467-74-1111&#65288;&#20869;&#32218;164&#65289;" TargetMode="External"/><Relationship Id="rId21" Type="http://schemas.openxmlformats.org/officeDocument/2006/relationships/hyperlink" Target="http://www.city.minamiashigara.kanagawa.jp/machi/soshiki/gyoumu/p03657.html" TargetMode="External"/><Relationship Id="rId42" Type="http://schemas.openxmlformats.org/officeDocument/2006/relationships/hyperlink" Target="https://www.town.kaisei.kanagawa.jp/forms/menutop/menutop.aspx?menu_id=163" TargetMode="External"/><Relationship Id="rId63" Type="http://schemas.openxmlformats.org/officeDocument/2006/relationships/hyperlink" Target="https://www.city.yamato.lg.jp/section/ehon_no_machi/public/download/iryoutekicare.pdf" TargetMode="External"/><Relationship Id="rId84" Type="http://schemas.openxmlformats.org/officeDocument/2006/relationships/hyperlink" Target="tel:0467821111" TargetMode="External"/><Relationship Id="rId138" Type="http://schemas.openxmlformats.org/officeDocument/2006/relationships/hyperlink" Target="tel:0462856928" TargetMode="External"/><Relationship Id="rId159" Type="http://schemas.openxmlformats.org/officeDocument/2006/relationships/hyperlink" Target="https://www.city.kawasaki.jp/350/page/0000131869.html" TargetMode="External"/><Relationship Id="rId170" Type="http://schemas.openxmlformats.org/officeDocument/2006/relationships/hyperlink" Target="http://www.oak.or.jp/office/" TargetMode="External"/><Relationship Id="rId191" Type="http://schemas.openxmlformats.org/officeDocument/2006/relationships/hyperlink" Target="tel:0463614100" TargetMode="External"/><Relationship Id="rId196" Type="http://schemas.openxmlformats.org/officeDocument/2006/relationships/hyperlink" Target="tel:0467-82-1111" TargetMode="External"/><Relationship Id="rId16" Type="http://schemas.openxmlformats.org/officeDocument/2006/relationships/hyperlink" Target="http://www.city.ebina.kanagawa.jp/shisei/soshiki/soshiki/hokenfukushi/1003968.html" TargetMode="External"/><Relationship Id="rId107" Type="http://schemas.openxmlformats.org/officeDocument/2006/relationships/hyperlink" Target="tel:0462354812" TargetMode="External"/><Relationship Id="rId11" Type="http://schemas.openxmlformats.org/officeDocument/2006/relationships/hyperlink" Target="http://www.city.hadano.kanagawa.jp/www/contents/1001000004281/index.html" TargetMode="External"/><Relationship Id="rId32" Type="http://schemas.openxmlformats.org/officeDocument/2006/relationships/hyperlink" Target="https://www.town.nakai.kanagawa.jp/forms/menugrouptop/menugrouptop.aspx?menugroup_id=104" TargetMode="External"/><Relationship Id="rId37" Type="http://schemas.openxmlformats.org/officeDocument/2006/relationships/hyperlink" Target="https://www.town.hakone.kanagawa.jp/sections/index.cfm?footer=10" TargetMode="External"/><Relationship Id="rId53" Type="http://schemas.openxmlformats.org/officeDocument/2006/relationships/hyperlink" Target="https://shisen.or.jp/chiiki-shien-center/soudan/" TargetMode="External"/><Relationship Id="rId58" Type="http://schemas.openxmlformats.org/officeDocument/2006/relationships/hyperlink" Target="http://www.city.zushi.kanagawa.jp/syokan/kosodate/top.html" TargetMode="External"/><Relationship Id="rId74" Type="http://schemas.openxmlformats.org/officeDocument/2006/relationships/hyperlink" Target="tel:0463552111" TargetMode="External"/><Relationship Id="rId79" Type="http://schemas.openxmlformats.org/officeDocument/2006/relationships/hyperlink" Target="tel:0467-61-3944" TargetMode="External"/><Relationship Id="rId102" Type="http://schemas.openxmlformats.org/officeDocument/2006/relationships/hyperlink" Target="tel:046-273-8353" TargetMode="External"/><Relationship Id="rId123" Type="http://schemas.openxmlformats.org/officeDocument/2006/relationships/hyperlink" Target="tel:0465815548" TargetMode="External"/><Relationship Id="rId128" Type="http://schemas.openxmlformats.org/officeDocument/2006/relationships/hyperlink" Target="https://town.matsuda.kanagawa.jp/soshiki/8/" TargetMode="External"/><Relationship Id="rId144" Type="http://schemas.openxmlformats.org/officeDocument/2006/relationships/hyperlink" Target="https://www.town.oi.kanagawa.jp/soshiki/8/" TargetMode="External"/><Relationship Id="rId149" Type="http://schemas.openxmlformats.org/officeDocument/2006/relationships/hyperlink" Target="http://www.city.sagamihara.kanagawa.jp/kurashi/kosodate/hoikuen/1025044.html" TargetMode="External"/><Relationship Id="rId5" Type="http://schemas.openxmlformats.org/officeDocument/2006/relationships/hyperlink" Target="http://www.city.chigasaki.kanagawa.jp/soshiki/1023526.html" TargetMode="External"/><Relationship Id="rId90" Type="http://schemas.openxmlformats.org/officeDocument/2006/relationships/hyperlink" Target="tel:046-872-2898&#12539;9498" TargetMode="External"/><Relationship Id="rId95" Type="http://schemas.openxmlformats.org/officeDocument/2006/relationships/hyperlink" Target="tel:0463827616" TargetMode="External"/><Relationship Id="rId160" Type="http://schemas.openxmlformats.org/officeDocument/2006/relationships/hyperlink" Target="https://www.city.kawasaki.jp/450/page/0000040733.html" TargetMode="External"/><Relationship Id="rId165" Type="http://schemas.openxmlformats.org/officeDocument/2006/relationships/hyperlink" Target="tel:0465331467" TargetMode="External"/><Relationship Id="rId181" Type="http://schemas.openxmlformats.org/officeDocument/2006/relationships/hyperlink" Target="tel:046-823-2630" TargetMode="External"/><Relationship Id="rId186" Type="http://schemas.openxmlformats.org/officeDocument/2006/relationships/hyperlink" Target="https://www.city.sagamihara.kanagawa.jp/kurashi/sodan/1006056.html" TargetMode="External"/><Relationship Id="rId22" Type="http://schemas.openxmlformats.org/officeDocument/2006/relationships/hyperlink" Target="http://www.city.minamiashigara.kanagawa.jp/machi/soshiki/gyoumu/p06805.html" TargetMode="External"/><Relationship Id="rId27" Type="http://schemas.openxmlformats.org/officeDocument/2006/relationships/hyperlink" Target="http://www.town.oiso.kanagawa.jp/soshiki/chomin/kosodate/index.html" TargetMode="External"/><Relationship Id="rId43" Type="http://schemas.openxmlformats.org/officeDocument/2006/relationships/hyperlink" Target="https://www.city.atsugi.kanagawa.jp/soshiki/kyoikushidoka/index.html" TargetMode="External"/><Relationship Id="rId48" Type="http://schemas.openxmlformats.org/officeDocument/2006/relationships/hyperlink" Target="http://www.city.fujisawa.kanagawa.jp/sidouka/index.html" TargetMode="External"/><Relationship Id="rId64" Type="http://schemas.openxmlformats.org/officeDocument/2006/relationships/hyperlink" Target="http://www.town.samukawa.kanagawa.jp/soshiki/fukushi/fukushi/shogaifukushi/info/index.html" TargetMode="External"/><Relationship Id="rId69" Type="http://schemas.openxmlformats.org/officeDocument/2006/relationships/hyperlink" Target="https://www.town.kiyokawa.kanagawa.jp/Parenting_education/gakko/index.html" TargetMode="External"/><Relationship Id="rId113" Type="http://schemas.openxmlformats.org/officeDocument/2006/relationships/hyperlink" Target="tel:0465-73-8377" TargetMode="External"/><Relationship Id="rId118" Type="http://schemas.openxmlformats.org/officeDocument/2006/relationships/hyperlink" Target="tel:0467741111" TargetMode="External"/><Relationship Id="rId134" Type="http://schemas.openxmlformats.org/officeDocument/2006/relationships/hyperlink" Target="tel:0465681131" TargetMode="External"/><Relationship Id="rId139" Type="http://schemas.openxmlformats.org/officeDocument/2006/relationships/hyperlink" Target="tel:0462061061" TargetMode="External"/><Relationship Id="rId80" Type="http://schemas.openxmlformats.org/officeDocument/2006/relationships/hyperlink" Target="tel:0466-50-3569" TargetMode="External"/><Relationship Id="rId85" Type="http://schemas.openxmlformats.org/officeDocument/2006/relationships/hyperlink" Target="tel:0467383331" TargetMode="External"/><Relationship Id="rId150" Type="http://schemas.openxmlformats.org/officeDocument/2006/relationships/hyperlink" Target="https://www.city.sagamihara.kanagawa.jp/kurashi/kosodate/jyoho/1025051.html" TargetMode="External"/><Relationship Id="rId155" Type="http://schemas.openxmlformats.org/officeDocument/2006/relationships/hyperlink" Target="https://www.city.yokosuka.kanagawa.jp/2625/index.html" TargetMode="External"/><Relationship Id="rId171" Type="http://schemas.openxmlformats.org/officeDocument/2006/relationships/hyperlink" Target="tel:046&#65293;876-1111&#65288;&#20869;&#32218;7310&#65289;" TargetMode="External"/><Relationship Id="rId176" Type="http://schemas.openxmlformats.org/officeDocument/2006/relationships/hyperlink" Target="http://www.city.yokosuka.kanagawa.jp/3145/index.html" TargetMode="External"/><Relationship Id="rId192" Type="http://schemas.openxmlformats.org/officeDocument/2006/relationships/hyperlink" Target="tel:0442003796" TargetMode="External"/><Relationship Id="rId197" Type="http://schemas.openxmlformats.org/officeDocument/2006/relationships/hyperlink" Target="https://www.city.chigasaki.kanagawa.jp/soshiki/1009972.html" TargetMode="External"/><Relationship Id="rId12" Type="http://schemas.openxmlformats.org/officeDocument/2006/relationships/hyperlink" Target="https://www.city.yamato.lg.jp/section/ehon_no_machi/age/G/G00011.html" TargetMode="External"/><Relationship Id="rId17" Type="http://schemas.openxmlformats.org/officeDocument/2006/relationships/hyperlink" Target="http://www.city.ebina.kanagawa.jp/shisei/soshiki/soshiki/hokenfukushi/1006797.html" TargetMode="External"/><Relationship Id="rId33" Type="http://schemas.openxmlformats.org/officeDocument/2006/relationships/hyperlink" Target="https://www.town.oi.kanagawa.jp/soshiki/7/" TargetMode="External"/><Relationship Id="rId38" Type="http://schemas.openxmlformats.org/officeDocument/2006/relationships/hyperlink" Target="http://www.town.manazuru.kanagawa.jp/" TargetMode="External"/><Relationship Id="rId59" Type="http://schemas.openxmlformats.org/officeDocument/2006/relationships/hyperlink" Target="http://www.city.zushi.kanagawa.jp/syokan/kenkyu/" TargetMode="External"/><Relationship Id="rId103" Type="http://schemas.openxmlformats.org/officeDocument/2006/relationships/hyperlink" Target="tel:0463-94-4721" TargetMode="External"/><Relationship Id="rId108" Type="http://schemas.openxmlformats.org/officeDocument/2006/relationships/hyperlink" Target="tel:0462357885" TargetMode="External"/><Relationship Id="rId124" Type="http://schemas.openxmlformats.org/officeDocument/2006/relationships/hyperlink" Target="tel:0465815546" TargetMode="External"/><Relationship Id="rId129" Type="http://schemas.openxmlformats.org/officeDocument/2006/relationships/hyperlink" Target="tel:0465753644" TargetMode="External"/><Relationship Id="rId54" Type="http://schemas.openxmlformats.org/officeDocument/2006/relationships/hyperlink" Target="http://www.city.yokosuka.kanagawa.jp/3920/index.html" TargetMode="External"/><Relationship Id="rId70" Type="http://schemas.openxmlformats.org/officeDocument/2006/relationships/hyperlink" Target="tel:0468202323" TargetMode="External"/><Relationship Id="rId75" Type="http://schemas.openxmlformats.org/officeDocument/2006/relationships/hyperlink" Target="tel:0463218774" TargetMode="External"/><Relationship Id="rId91" Type="http://schemas.openxmlformats.org/officeDocument/2006/relationships/hyperlink" Target="tel:0468821111" TargetMode="External"/><Relationship Id="rId96" Type="http://schemas.openxmlformats.org/officeDocument/2006/relationships/hyperlink" Target="tel:0463829604" TargetMode="External"/><Relationship Id="rId140" Type="http://schemas.openxmlformats.org/officeDocument/2006/relationships/hyperlink" Target="tel:0462813861" TargetMode="External"/><Relationship Id="rId145" Type="http://schemas.openxmlformats.org/officeDocument/2006/relationships/hyperlink" Target="tel:0465838011" TargetMode="External"/><Relationship Id="rId161" Type="http://schemas.openxmlformats.org/officeDocument/2006/relationships/hyperlink" Target="http://www.keins.city.kawasaki.jp/sodan/index.htm&#65356;" TargetMode="External"/><Relationship Id="rId166" Type="http://schemas.openxmlformats.org/officeDocument/2006/relationships/hyperlink" Target="http://www.city.odawara.kanagawa.jp/" TargetMode="External"/><Relationship Id="rId182" Type="http://schemas.openxmlformats.org/officeDocument/2006/relationships/hyperlink" Target="https://www.city.kamakura.kanagawa.jp/kisya/data/2020/20200401.html" TargetMode="External"/><Relationship Id="rId187" Type="http://schemas.openxmlformats.org/officeDocument/2006/relationships/hyperlink" Target="tel:0427048917" TargetMode="External"/><Relationship Id="rId1" Type="http://schemas.openxmlformats.org/officeDocument/2006/relationships/hyperlink" Target="http://www.city.yokohama.lg.jp/kenko/shogai/sodan/sogo/mado1.html" TargetMode="External"/><Relationship Id="rId6" Type="http://schemas.openxmlformats.org/officeDocument/2006/relationships/hyperlink" Target="http://www.city.miura.kanagawa.jp/fukushi/syougai_welfare_info.html" TargetMode="External"/><Relationship Id="rId23" Type="http://schemas.openxmlformats.org/officeDocument/2006/relationships/hyperlink" Target="https://www.city.ayase.kanagawa.jp/hp/page000032000/hpg000031977.htm" TargetMode="External"/><Relationship Id="rId28" Type="http://schemas.openxmlformats.org/officeDocument/2006/relationships/hyperlink" Target="http://www.town.oiso.kanagawa.jp/soshiki/chomin/kosodate/tanto/shiencenter/index.html" TargetMode="External"/><Relationship Id="rId49" Type="http://schemas.openxmlformats.org/officeDocument/2006/relationships/hyperlink" Target="http://www.city.hiratsuka.kanagawa.jp/kodomo/page-c_00246.html" TargetMode="External"/><Relationship Id="rId114" Type="http://schemas.openxmlformats.org/officeDocument/2006/relationships/hyperlink" Target="tel:0467766770" TargetMode="External"/><Relationship Id="rId119" Type="http://schemas.openxmlformats.org/officeDocument/2006/relationships/hyperlink" Target="tel:0463614100" TargetMode="External"/><Relationship Id="rId44" Type="http://schemas.openxmlformats.org/officeDocument/2006/relationships/hyperlink" Target="http://www.city.zushi.kanagawa.jp/syokan/gakkou/" TargetMode="External"/><Relationship Id="rId60" Type="http://schemas.openxmlformats.org/officeDocument/2006/relationships/hyperlink" Target="https://www.city.atsugi.kanagawa.jp/soshiki/shogaifukushika/index.html" TargetMode="External"/><Relationship Id="rId65" Type="http://schemas.openxmlformats.org/officeDocument/2006/relationships/hyperlink" Target="https://www.town.aikawa.kanagawa.jp/soshiki/minsei/kenko_suishin/index.html" TargetMode="External"/><Relationship Id="rId81" Type="http://schemas.openxmlformats.org/officeDocument/2006/relationships/hyperlink" Target="tel:0466251111" TargetMode="External"/><Relationship Id="rId86" Type="http://schemas.openxmlformats.org/officeDocument/2006/relationships/hyperlink" Target="tel:0468722523" TargetMode="External"/><Relationship Id="rId130" Type="http://schemas.openxmlformats.org/officeDocument/2006/relationships/hyperlink" Target="tel:0465840316" TargetMode="External"/><Relationship Id="rId135" Type="http://schemas.openxmlformats.org/officeDocument/2006/relationships/hyperlink" Target="tel:0465632111" TargetMode="External"/><Relationship Id="rId151" Type="http://schemas.openxmlformats.org/officeDocument/2006/relationships/hyperlink" Target="tel:0463-94-4633" TargetMode="External"/><Relationship Id="rId156" Type="http://schemas.openxmlformats.org/officeDocument/2006/relationships/hyperlink" Target="http://www.town.ninomiya.kanagawa.jp/soshiki/kenkofukushi/fukushihoken/fukushi_shogaishashien/index.html" TargetMode="External"/><Relationship Id="rId177" Type="http://schemas.openxmlformats.org/officeDocument/2006/relationships/hyperlink" Target="tel:0468247141" TargetMode="External"/><Relationship Id="rId198" Type="http://schemas.openxmlformats.org/officeDocument/2006/relationships/printerSettings" Target="../printerSettings/printerSettings1.bin"/><Relationship Id="rId172" Type="http://schemas.openxmlformats.org/officeDocument/2006/relationships/hyperlink" Target="tel:0465-75-0822" TargetMode="External"/><Relationship Id="rId193" Type="http://schemas.openxmlformats.org/officeDocument/2006/relationships/hyperlink" Target="http://www.city.kawasaki.jp/kurashi/category/23-2-33-0-0-0-0-0-0-0.html" TargetMode="External"/><Relationship Id="rId13" Type="http://schemas.openxmlformats.org/officeDocument/2006/relationships/hyperlink" Target="http://www.city.isehara.kanagawa.jp/docs/2014041000026/" TargetMode="External"/><Relationship Id="rId18" Type="http://schemas.openxmlformats.org/officeDocument/2006/relationships/hyperlink" Target="http://www.city.zama.kanagawa.jp/www/genre/0000000000000/1000000000276/index.html" TargetMode="External"/><Relationship Id="rId39" Type="http://schemas.openxmlformats.org/officeDocument/2006/relationships/hyperlink" Target="http://www.town.manazuru.kanagawa.jp/soshiki/kyouiku/" TargetMode="External"/><Relationship Id="rId109" Type="http://schemas.openxmlformats.org/officeDocument/2006/relationships/hyperlink" Target="tel:0462527132" TargetMode="External"/><Relationship Id="rId34" Type="http://schemas.openxmlformats.org/officeDocument/2006/relationships/hyperlink" Target="https://town.matsuda.kanagawa.jp/soshiki/7/" TargetMode="External"/><Relationship Id="rId50" Type="http://schemas.openxmlformats.org/officeDocument/2006/relationships/hyperlink" Target="http://www.city.hiratsuka.kanagawa.jp/fukushi/shogai.html" TargetMode="External"/><Relationship Id="rId55" Type="http://schemas.openxmlformats.org/officeDocument/2006/relationships/hyperlink" Target="http://www.clover-odawara.org/index.html" TargetMode="External"/><Relationship Id="rId76" Type="http://schemas.openxmlformats.org/officeDocument/2006/relationships/hyperlink" Target="tel:0463322738" TargetMode="External"/><Relationship Id="rId97" Type="http://schemas.openxmlformats.org/officeDocument/2006/relationships/hyperlink" Target="tel:0462252254" TargetMode="External"/><Relationship Id="rId104" Type="http://schemas.openxmlformats.org/officeDocument/2006/relationships/hyperlink" Target="tel:0463-94-4637" TargetMode="External"/><Relationship Id="rId120" Type="http://schemas.openxmlformats.org/officeDocument/2006/relationships/hyperlink" Target="tel:0463614100" TargetMode="External"/><Relationship Id="rId125" Type="http://schemas.openxmlformats.org/officeDocument/2006/relationships/hyperlink" Target="tel:0465838011" TargetMode="External"/><Relationship Id="rId141" Type="http://schemas.openxmlformats.org/officeDocument/2006/relationships/hyperlink" Target="tel:0462881215" TargetMode="External"/><Relationship Id="rId146" Type="http://schemas.openxmlformats.org/officeDocument/2006/relationships/hyperlink" Target="tel:0467-70-5623" TargetMode="External"/><Relationship Id="rId167" Type="http://schemas.openxmlformats.org/officeDocument/2006/relationships/hyperlink" Target="tel:0465470820" TargetMode="External"/><Relationship Id="rId188" Type="http://schemas.openxmlformats.org/officeDocument/2006/relationships/hyperlink" Target="tel:0463713377" TargetMode="External"/><Relationship Id="rId7" Type="http://schemas.openxmlformats.org/officeDocument/2006/relationships/hyperlink" Target="http://www.city.miura.kanagawa.jp/kosodate/kosodatesienka_soudan.html" TargetMode="External"/><Relationship Id="rId71" Type="http://schemas.openxmlformats.org/officeDocument/2006/relationships/hyperlink" Target="tel:046-822-8249" TargetMode="External"/><Relationship Id="rId92" Type="http://schemas.openxmlformats.org/officeDocument/2006/relationships/hyperlink" Target="tel:0468821111" TargetMode="External"/><Relationship Id="rId162" Type="http://schemas.openxmlformats.org/officeDocument/2006/relationships/hyperlink" Target="tel:044-844-3700" TargetMode="External"/><Relationship Id="rId183" Type="http://schemas.openxmlformats.org/officeDocument/2006/relationships/hyperlink" Target="tel:0467-23-0630&#65288;&#30452;&#36890;&#65289;" TargetMode="External"/><Relationship Id="rId2" Type="http://schemas.openxmlformats.org/officeDocument/2006/relationships/hyperlink" Target="https://www.city.kamakura.kanagawa.jp/hattatsu/tattatsu_top.html" TargetMode="External"/><Relationship Id="rId29" Type="http://schemas.openxmlformats.org/officeDocument/2006/relationships/hyperlink" Target="http://www.town.ninomiya.kanagawa.jp/soshiki/kenkofukushi/kosodate_kenkou/index.html" TargetMode="External"/><Relationship Id="rId24" Type="http://schemas.openxmlformats.org/officeDocument/2006/relationships/hyperlink" Target="https://www.city.ayase.kanagawa.jp/hp/page000039400/hpg000039388.htm" TargetMode="External"/><Relationship Id="rId40" Type="http://schemas.openxmlformats.org/officeDocument/2006/relationships/hyperlink" Target="https://www.town.yugawara.kanagawa.jp/" TargetMode="External"/><Relationship Id="rId45" Type="http://schemas.openxmlformats.org/officeDocument/2006/relationships/hyperlink" Target="http://www.city.fujisawa.kanagawa.jp/kenko-z/" TargetMode="External"/><Relationship Id="rId66" Type="http://schemas.openxmlformats.org/officeDocument/2006/relationships/hyperlink" Target="http://www.town.aikawa.kanagawa.jp/soshiki/minsei/fukushi_suishin/index.html" TargetMode="External"/><Relationship Id="rId87" Type="http://schemas.openxmlformats.org/officeDocument/2006/relationships/hyperlink" Target="tel:0468728114" TargetMode="External"/><Relationship Id="rId110" Type="http://schemas.openxmlformats.org/officeDocument/2006/relationships/hyperlink" Target="tel:0462527225" TargetMode="External"/><Relationship Id="rId115" Type="http://schemas.openxmlformats.org/officeDocument/2006/relationships/hyperlink" Target="tel:0467771118" TargetMode="External"/><Relationship Id="rId131" Type="http://schemas.openxmlformats.org/officeDocument/2006/relationships/hyperlink" Target="tel:0460857790" TargetMode="External"/><Relationship Id="rId136" Type="http://schemas.openxmlformats.org/officeDocument/2006/relationships/hyperlink" Target="tel:0465632111" TargetMode="External"/><Relationship Id="rId157" Type="http://schemas.openxmlformats.org/officeDocument/2006/relationships/hyperlink" Target="tel:0463-75-9289" TargetMode="External"/><Relationship Id="rId178" Type="http://schemas.openxmlformats.org/officeDocument/2006/relationships/hyperlink" Target="http://www.city.yokosuka.kanagawa.jp/3145/index.html" TargetMode="External"/><Relationship Id="rId61" Type="http://schemas.openxmlformats.org/officeDocument/2006/relationships/hyperlink" Target="https://www.city.atsugi.kanagawa.jp/soshiki/kenkozukurika/index.html" TargetMode="External"/><Relationship Id="rId82" Type="http://schemas.openxmlformats.org/officeDocument/2006/relationships/hyperlink" Target="tel:0466872800" TargetMode="External"/><Relationship Id="rId152" Type="http://schemas.openxmlformats.org/officeDocument/2006/relationships/hyperlink" Target="tel:0462400393" TargetMode="External"/><Relationship Id="rId173" Type="http://schemas.openxmlformats.org/officeDocument/2006/relationships/hyperlink" Target="http://www.town.yamakita.kanagawa.jp/" TargetMode="External"/><Relationship Id="rId194" Type="http://schemas.openxmlformats.org/officeDocument/2006/relationships/hyperlink" Target="tel:0467-82-1111" TargetMode="External"/><Relationship Id="rId199" Type="http://schemas.openxmlformats.org/officeDocument/2006/relationships/drawing" Target="../drawings/drawing1.xml"/><Relationship Id="rId19" Type="http://schemas.openxmlformats.org/officeDocument/2006/relationships/hyperlink" Target="http://www.city.zama.kanagawa.jp/www/job/1000000000088/index.html" TargetMode="External"/><Relationship Id="rId14" Type="http://schemas.openxmlformats.org/officeDocument/2006/relationships/hyperlink" Target="http://www.city.isehara.kanagawa.jp/docs/2014102900050/" TargetMode="External"/><Relationship Id="rId30" Type="http://schemas.openxmlformats.org/officeDocument/2006/relationships/hyperlink" Target="http://www.town.ninomiya.kanagawa.jp/soshiki/kyoikuiinkai/kyoikusomu/shido/index.html" TargetMode="External"/><Relationship Id="rId35" Type="http://schemas.openxmlformats.org/officeDocument/2006/relationships/hyperlink" Target="http://www.town.yamakita.kanagawa.jp/" TargetMode="External"/><Relationship Id="rId56" Type="http://schemas.openxmlformats.org/officeDocument/2006/relationships/hyperlink" Target="http://www.city.zushi.kanagawa.jp/syokan/hinata/" TargetMode="External"/><Relationship Id="rId77" Type="http://schemas.openxmlformats.org/officeDocument/2006/relationships/hyperlink" Target="tel:0467-23-5130&#65288;&#30452;&#36890;&#65289;" TargetMode="External"/><Relationship Id="rId100" Type="http://schemas.openxmlformats.org/officeDocument/2006/relationships/hyperlink" Target="tel:0462252904" TargetMode="External"/><Relationship Id="rId105" Type="http://schemas.openxmlformats.org/officeDocument/2006/relationships/hyperlink" Target="tel:0463-74-5253" TargetMode="External"/><Relationship Id="rId126" Type="http://schemas.openxmlformats.org/officeDocument/2006/relationships/hyperlink" Target="tel:0465845544" TargetMode="External"/><Relationship Id="rId147" Type="http://schemas.openxmlformats.org/officeDocument/2006/relationships/hyperlink" Target="http://www.city.sagamihara.kanagawa.jp/kurashi/fukushi/shogai/index.html" TargetMode="External"/><Relationship Id="rId168" Type="http://schemas.openxmlformats.org/officeDocument/2006/relationships/hyperlink" Target="tel:0465-46-6034" TargetMode="External"/><Relationship Id="rId8" Type="http://schemas.openxmlformats.org/officeDocument/2006/relationships/hyperlink" Target="http://www.city.miura.kanagawa.jp/soshiki/gakkoukyouiku.html" TargetMode="External"/><Relationship Id="rId51" Type="http://schemas.openxmlformats.org/officeDocument/2006/relationships/hyperlink" Target="http://www.city.hiratsuka.kanagawa.jp/kenko/index.html" TargetMode="External"/><Relationship Id="rId72" Type="http://schemas.openxmlformats.org/officeDocument/2006/relationships/hyperlink" Target="tel:0463371776" TargetMode="External"/><Relationship Id="rId93" Type="http://schemas.openxmlformats.org/officeDocument/2006/relationships/hyperlink" Target="tel:0468821111" TargetMode="External"/><Relationship Id="rId98" Type="http://schemas.openxmlformats.org/officeDocument/2006/relationships/hyperlink" Target="tel:0462252201" TargetMode="External"/><Relationship Id="rId121" Type="http://schemas.openxmlformats.org/officeDocument/2006/relationships/hyperlink" Target="tel:0463-71-7100" TargetMode="External"/><Relationship Id="rId142" Type="http://schemas.openxmlformats.org/officeDocument/2006/relationships/hyperlink" Target="tel:0463713377" TargetMode="External"/><Relationship Id="rId163" Type="http://schemas.openxmlformats.org/officeDocument/2006/relationships/hyperlink" Target="http://www.city.kawasaki.jp/kurashi/category/23-2-33-0-0-0-0-0-0-0.html" TargetMode="External"/><Relationship Id="rId184" Type="http://schemas.openxmlformats.org/officeDocument/2006/relationships/hyperlink" Target="tel:0467-61-3894&#65288;&#30452;&#36890;&#65289;" TargetMode="External"/><Relationship Id="rId189" Type="http://schemas.openxmlformats.org/officeDocument/2006/relationships/hyperlink" Target="http://www.town.oiso.kanagawa.jp/soshiki/chomin/hukushi/tanto/syougaihukushi/index.html" TargetMode="External"/><Relationship Id="rId3" Type="http://schemas.openxmlformats.org/officeDocument/2006/relationships/hyperlink" Target="http://www.city.kamakura.kanagawa.jp/kenkou/fukushi/shougaisha/index.html" TargetMode="External"/><Relationship Id="rId25" Type="http://schemas.openxmlformats.org/officeDocument/2006/relationships/hyperlink" Target="http://www.town.samukawa.kanagawa.jp/soshiki/manabi/kosodatesienka/nobisuku/tantouzyouhou/index.html" TargetMode="External"/><Relationship Id="rId46" Type="http://schemas.openxmlformats.org/officeDocument/2006/relationships/hyperlink" Target="http://shonanmaronie.com/chiikifukushi/" TargetMode="External"/><Relationship Id="rId67" Type="http://schemas.openxmlformats.org/officeDocument/2006/relationships/hyperlink" Target="https://www.town.aikawa.kanagawa.jp/soshiki/kyouikuiinkai/shido/index.html" TargetMode="External"/><Relationship Id="rId116" Type="http://schemas.openxmlformats.org/officeDocument/2006/relationships/hyperlink" Target="tel:0468761111" TargetMode="External"/><Relationship Id="rId137" Type="http://schemas.openxmlformats.org/officeDocument/2006/relationships/hyperlink" Target="tel:0462856970" TargetMode="External"/><Relationship Id="rId158" Type="http://schemas.openxmlformats.org/officeDocument/2006/relationships/hyperlink" Target="http://atsugi-ishikai.or.jp/detail/detail.html?id=8&amp;notice_id=56" TargetMode="External"/><Relationship Id="rId20" Type="http://schemas.openxmlformats.org/officeDocument/2006/relationships/hyperlink" Target="http://www.city.zama.kanagawa.jp/www/job/1000000000147/index.html" TargetMode="External"/><Relationship Id="rId41" Type="http://schemas.openxmlformats.org/officeDocument/2006/relationships/hyperlink" Target="https://www.town.yugawara.kanagawa.jp/" TargetMode="External"/><Relationship Id="rId62" Type="http://schemas.openxmlformats.org/officeDocument/2006/relationships/hyperlink" Target="https://www.city.atsugi.kanagawa.jp/iryo_fukushi/shogaisha/5/11/13794.html" TargetMode="External"/><Relationship Id="rId83" Type="http://schemas.openxmlformats.org/officeDocument/2006/relationships/hyperlink" Target="tel:0465-46-6787" TargetMode="External"/><Relationship Id="rId88" Type="http://schemas.openxmlformats.org/officeDocument/2006/relationships/hyperlink" Target="tel:0468728117" TargetMode="External"/><Relationship Id="rId111" Type="http://schemas.openxmlformats.org/officeDocument/2006/relationships/hyperlink" Target="tel:0462528732" TargetMode="External"/><Relationship Id="rId132" Type="http://schemas.openxmlformats.org/officeDocument/2006/relationships/hyperlink" Target="tel:0460859595" TargetMode="External"/><Relationship Id="rId153" Type="http://schemas.openxmlformats.org/officeDocument/2006/relationships/hyperlink" Target="http://ohisama.kcmc.jp/" TargetMode="External"/><Relationship Id="rId174" Type="http://schemas.openxmlformats.org/officeDocument/2006/relationships/hyperlink" Target="http://www.city.yokosuka.kanagawa.jp/8320/index.html" TargetMode="External"/><Relationship Id="rId179" Type="http://schemas.openxmlformats.org/officeDocument/2006/relationships/hyperlink" Target="tel:&#20013;&#22830;&#65289;046-824-7632&#12288;&#21271;&#65289;046-861-4118&#12288;&#21335;&#65289;046-836-1511&#12288;&#35199;&#65289;046-856-0719" TargetMode="External"/><Relationship Id="rId195" Type="http://schemas.openxmlformats.org/officeDocument/2006/relationships/hyperlink" Target="https://www.city.chigasaki.kanagawa.jp/soshiki/1009922.html" TargetMode="External"/><Relationship Id="rId190" Type="http://schemas.openxmlformats.org/officeDocument/2006/relationships/hyperlink" Target="http://www.town.oiso.kanagawa.jp/soshiki/kyoiku/gakkoukyouikuka/index.html" TargetMode="External"/><Relationship Id="rId15" Type="http://schemas.openxmlformats.org/officeDocument/2006/relationships/hyperlink" Target="http://www.city.isehara.kanagawa.jp/docs/2011040100054/" TargetMode="External"/><Relationship Id="rId36" Type="http://schemas.openxmlformats.org/officeDocument/2006/relationships/hyperlink" Target="https://www.town.hakone.kanagawa.jp/sections/index.cfm?footer=9" TargetMode="External"/><Relationship Id="rId57" Type="http://schemas.openxmlformats.org/officeDocument/2006/relationships/hyperlink" Target="http://www.city.zushi.kanagawa.jp/syokan/syougai/" TargetMode="External"/><Relationship Id="rId106" Type="http://schemas.openxmlformats.org/officeDocument/2006/relationships/hyperlink" Target="tel:0466503522" TargetMode="External"/><Relationship Id="rId127" Type="http://schemas.openxmlformats.org/officeDocument/2006/relationships/hyperlink" Target="tel:0465831226" TargetMode="External"/><Relationship Id="rId10" Type="http://schemas.openxmlformats.org/officeDocument/2006/relationships/hyperlink" Target="http://www.city.hadano.kanagawa.jp/www/contents/1001000004234/index.html" TargetMode="External"/><Relationship Id="rId31" Type="http://schemas.openxmlformats.org/officeDocument/2006/relationships/hyperlink" Target="https://www.town.nakai.kanagawa.jp/forms/info/info.aspx?info_id=3923" TargetMode="External"/><Relationship Id="rId52" Type="http://schemas.openxmlformats.org/officeDocument/2006/relationships/hyperlink" Target="http://www.city.hiratsuka.kanagawa.jp/kyoiku/page-c_02164.html" TargetMode="External"/><Relationship Id="rId73" Type="http://schemas.openxmlformats.org/officeDocument/2006/relationships/hyperlink" Target="tel:0463366012" TargetMode="External"/><Relationship Id="rId78" Type="http://schemas.openxmlformats.org/officeDocument/2006/relationships/hyperlink" Target="tel:0467-61-3974&#65288;&#30452;&#36890;&#65289;" TargetMode="External"/><Relationship Id="rId94" Type="http://schemas.openxmlformats.org/officeDocument/2006/relationships/hyperlink" Target="tel:0468821111" TargetMode="External"/><Relationship Id="rId99" Type="http://schemas.openxmlformats.org/officeDocument/2006/relationships/hyperlink" Target="tel:046-225-2660" TargetMode="External"/><Relationship Id="rId101" Type="http://schemas.openxmlformats.org/officeDocument/2006/relationships/hyperlink" Target="tel:0462605673" TargetMode="External"/><Relationship Id="rId122" Type="http://schemas.openxmlformats.org/officeDocument/2006/relationships/hyperlink" Target="tel:0463-75-9261" TargetMode="External"/><Relationship Id="rId143" Type="http://schemas.openxmlformats.org/officeDocument/2006/relationships/hyperlink" Target="http://www.city.sagamihara.kanagawa.jp/kurashi/kenko/1007567/index.html" TargetMode="External"/><Relationship Id="rId148" Type="http://schemas.openxmlformats.org/officeDocument/2006/relationships/hyperlink" Target="http://www.city.sagamihara.kanagawa.jp/kurashi/kosodate/teate_josei/index.html" TargetMode="External"/><Relationship Id="rId164" Type="http://schemas.openxmlformats.org/officeDocument/2006/relationships/hyperlink" Target="http://www.city.odawara.kanagawa.jp/" TargetMode="External"/><Relationship Id="rId169" Type="http://schemas.openxmlformats.org/officeDocument/2006/relationships/hyperlink" Target="https://www.city.yamato.lg.jp/section/ehon_no_machi/purpose/O/O00013.html" TargetMode="External"/><Relationship Id="rId185" Type="http://schemas.openxmlformats.org/officeDocument/2006/relationships/hyperlink" Target="tel:0467-61-3812&#65288;&#30452;&#36890;&#65289;" TargetMode="External"/><Relationship Id="rId4" Type="http://schemas.openxmlformats.org/officeDocument/2006/relationships/hyperlink" Target="http://www.city.chigasaki.kanagawa.jp/soshiki/1009917.html" TargetMode="External"/><Relationship Id="rId9" Type="http://schemas.openxmlformats.org/officeDocument/2006/relationships/hyperlink" Target="http://www.city.miura.kanagawa.jp/hoken/shouni_index.html" TargetMode="External"/><Relationship Id="rId180" Type="http://schemas.openxmlformats.org/officeDocument/2006/relationships/hyperlink" Target="http://www.aoitori-y.jp/yokosuka-ryoiku/" TargetMode="External"/><Relationship Id="rId26" Type="http://schemas.openxmlformats.org/officeDocument/2006/relationships/hyperlink" Target="http://www.town.oiso.kanagawa.jp/soshiki/chomin/sports/index.html" TargetMode="External"/><Relationship Id="rId47" Type="http://schemas.openxmlformats.org/officeDocument/2006/relationships/hyperlink" Target="https://www.city.fujisawa.kanagawa.jp/kodomo-ss/index.html" TargetMode="External"/><Relationship Id="rId68" Type="http://schemas.openxmlformats.org/officeDocument/2006/relationships/hyperlink" Target="https://www.town.kiyokawa.kanagawa.jp/health_welfare/hukushi/index.html" TargetMode="External"/><Relationship Id="rId89" Type="http://schemas.openxmlformats.org/officeDocument/2006/relationships/hyperlink" Target="tel:0468728152" TargetMode="External"/><Relationship Id="rId112" Type="http://schemas.openxmlformats.org/officeDocument/2006/relationships/hyperlink" Target="tel:0465738047&#12288;" TargetMode="External"/><Relationship Id="rId133" Type="http://schemas.openxmlformats.org/officeDocument/2006/relationships/hyperlink" Target="tel:0465681131" TargetMode="External"/><Relationship Id="rId154" Type="http://schemas.openxmlformats.org/officeDocument/2006/relationships/hyperlink" Target="https://www.city.sagamihara.kanagawa.jp/kurashi/sodan/1006066.html" TargetMode="External"/><Relationship Id="rId175" Type="http://schemas.openxmlformats.org/officeDocument/2006/relationships/hyperlink" Target="tel:0468228513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2180"/>
  <sheetViews>
    <sheetView tabSelected="1" view="pageLayout" topLeftCell="A2052" zoomScale="70" zoomScaleNormal="100" zoomScaleSheetLayoutView="70" zoomScalePageLayoutView="70" workbookViewId="0">
      <selection activeCell="G2069" sqref="G2069"/>
    </sheetView>
  </sheetViews>
  <sheetFormatPr defaultRowHeight="13.2" x14ac:dyDescent="0.2"/>
  <cols>
    <col min="23" max="23" width="9" customWidth="1"/>
  </cols>
  <sheetData>
    <row r="1" spans="2:8" ht="13.5" customHeight="1" x14ac:dyDescent="0.2"/>
    <row r="2" spans="2:8" ht="13.5" customHeight="1" x14ac:dyDescent="0.2"/>
    <row r="15" spans="2:8" ht="13.5" customHeight="1" x14ac:dyDescent="0.2">
      <c r="B15" s="1"/>
      <c r="C15" s="2"/>
      <c r="D15" s="2"/>
      <c r="E15" s="2"/>
      <c r="F15" s="2"/>
      <c r="G15" s="2"/>
      <c r="H15" s="2"/>
    </row>
    <row r="16" spans="2:8" ht="13.5" customHeight="1" x14ac:dyDescent="0.2">
      <c r="B16" s="2"/>
      <c r="C16" s="2"/>
      <c r="D16" s="2"/>
      <c r="E16" s="2"/>
      <c r="F16" s="2"/>
      <c r="G16" s="2"/>
      <c r="H16" s="2"/>
    </row>
    <row r="17" spans="2:8" ht="13.5" customHeight="1" x14ac:dyDescent="0.2">
      <c r="B17" s="2"/>
      <c r="C17" s="2"/>
      <c r="D17" s="2"/>
      <c r="E17" s="2"/>
      <c r="F17" s="2"/>
      <c r="G17" s="2"/>
      <c r="H17" s="2"/>
    </row>
    <row r="18" spans="2:8" ht="13.5" customHeight="1" x14ac:dyDescent="0.2">
      <c r="B18" s="2"/>
      <c r="C18" s="2"/>
      <c r="D18" s="2"/>
      <c r="E18" s="2"/>
      <c r="F18" s="2"/>
      <c r="G18" s="2"/>
      <c r="H18" s="2"/>
    </row>
    <row r="19" spans="2:8" ht="13.5" customHeight="1" x14ac:dyDescent="0.2">
      <c r="B19" s="2"/>
      <c r="C19" s="2"/>
      <c r="D19" s="2"/>
      <c r="E19" s="2"/>
      <c r="F19" s="2"/>
      <c r="G19" s="2"/>
      <c r="H19" s="2"/>
    </row>
    <row r="20" spans="2:8" ht="13.5" customHeight="1" x14ac:dyDescent="0.2">
      <c r="B20" s="2"/>
      <c r="C20" s="2"/>
      <c r="D20" s="2"/>
      <c r="E20" s="2"/>
      <c r="F20" s="2"/>
      <c r="G20" s="2"/>
      <c r="H20" s="2"/>
    </row>
    <row r="21" spans="2:8" ht="13.5" customHeight="1" x14ac:dyDescent="0.2">
      <c r="B21" s="2"/>
      <c r="C21" s="2"/>
      <c r="D21" s="2"/>
      <c r="E21" s="2"/>
      <c r="F21" s="2"/>
      <c r="G21" s="2"/>
      <c r="H21" s="2"/>
    </row>
    <row r="22" spans="2:8" ht="13.5" customHeight="1" x14ac:dyDescent="0.2">
      <c r="B22" s="2"/>
      <c r="C22" s="2"/>
      <c r="D22" s="2"/>
      <c r="E22" s="2"/>
      <c r="F22" s="2"/>
      <c r="G22" s="2"/>
      <c r="H22" s="2"/>
    </row>
    <row r="23" spans="2:8" ht="13.5" customHeight="1" x14ac:dyDescent="0.2">
      <c r="B23" s="2"/>
      <c r="C23" s="2"/>
      <c r="D23" s="2"/>
      <c r="E23" s="2"/>
      <c r="F23" s="2"/>
      <c r="G23" s="2"/>
      <c r="H23" s="2"/>
    </row>
    <row r="51" spans="1:18" ht="13.5" customHeight="1" x14ac:dyDescent="0.2">
      <c r="E51" s="3"/>
      <c r="F51" s="4"/>
      <c r="G51" s="4"/>
      <c r="H51" s="4"/>
      <c r="I51" s="4"/>
    </row>
    <row r="52" spans="1:18" ht="13.5" customHeight="1" x14ac:dyDescent="0.2">
      <c r="E52" s="4"/>
      <c r="F52" s="4"/>
      <c r="G52" s="4"/>
      <c r="H52" s="4"/>
      <c r="I52" s="4"/>
    </row>
    <row r="53" spans="1:18" ht="13.5" customHeight="1" x14ac:dyDescent="0.2">
      <c r="E53" s="4"/>
      <c r="F53" s="4"/>
      <c r="G53" s="4"/>
      <c r="H53" s="4"/>
      <c r="I53" s="4"/>
    </row>
    <row r="54" spans="1:18" ht="13.5" customHeight="1" x14ac:dyDescent="0.2">
      <c r="E54" s="4"/>
      <c r="F54" s="4"/>
      <c r="G54" s="4"/>
      <c r="H54" s="4"/>
      <c r="I54" s="4"/>
    </row>
    <row r="55" spans="1:18" ht="13.5" customHeight="1" x14ac:dyDescent="0.2">
      <c r="E55" s="4"/>
      <c r="F55" s="4"/>
      <c r="G55" s="4"/>
      <c r="H55" s="4"/>
      <c r="I55" s="4"/>
    </row>
    <row r="56" spans="1:18" ht="13.5" customHeight="1" x14ac:dyDescent="0.2">
      <c r="E56" s="4"/>
      <c r="F56" s="4"/>
      <c r="G56" s="4"/>
      <c r="H56" s="4"/>
      <c r="I56" s="4"/>
    </row>
    <row r="57" spans="1:18" ht="13.5" customHeight="1" x14ac:dyDescent="0.2">
      <c r="E57" s="4"/>
      <c r="F57" s="4"/>
      <c r="G57" s="4"/>
      <c r="H57" s="4"/>
      <c r="I57" s="4"/>
    </row>
    <row r="59" spans="1:18" ht="13.8" thickBot="1" x14ac:dyDescent="0.25"/>
    <row r="60" spans="1:18" ht="13.5" customHeight="1" thickTop="1" x14ac:dyDescent="0.2">
      <c r="A60" s="5"/>
      <c r="B60" s="6"/>
      <c r="C60" s="6"/>
      <c r="D60" s="6"/>
      <c r="E60" s="6"/>
      <c r="F60" s="6"/>
      <c r="G60" s="6"/>
      <c r="H60" s="6"/>
      <c r="I60" s="7"/>
      <c r="J60" s="8"/>
      <c r="K60" s="8"/>
      <c r="L60" s="8"/>
      <c r="M60" s="8"/>
      <c r="N60" s="8"/>
      <c r="O60" s="8"/>
      <c r="P60" s="8"/>
      <c r="Q60" s="8"/>
      <c r="R60" s="8"/>
    </row>
    <row r="61" spans="1:18" ht="13.5" customHeight="1" x14ac:dyDescent="0.2">
      <c r="A61" s="9"/>
      <c r="B61" s="8"/>
      <c r="C61" s="8"/>
      <c r="D61" s="8"/>
      <c r="E61" s="8"/>
      <c r="F61" s="8"/>
      <c r="G61" s="8"/>
      <c r="H61" s="8"/>
      <c r="I61" s="10"/>
      <c r="J61" s="8"/>
      <c r="K61" s="8"/>
      <c r="L61" s="8"/>
      <c r="M61" s="8"/>
      <c r="N61" s="8"/>
      <c r="O61" s="8"/>
      <c r="P61" s="8"/>
      <c r="Q61" s="8"/>
      <c r="R61" s="8"/>
    </row>
    <row r="62" spans="1:18" x14ac:dyDescent="0.2">
      <c r="A62" s="11" t="s">
        <v>0</v>
      </c>
      <c r="B62" s="8"/>
      <c r="C62" s="8"/>
      <c r="D62" s="8"/>
      <c r="E62" s="8"/>
      <c r="F62" s="8"/>
      <c r="G62" s="8"/>
      <c r="H62" s="8"/>
      <c r="I62" s="10"/>
    </row>
    <row r="63" spans="1:18" ht="13.5" customHeight="1" x14ac:dyDescent="0.2">
      <c r="A63" s="9"/>
      <c r="B63" s="8"/>
      <c r="C63" s="8"/>
      <c r="D63" s="8"/>
      <c r="E63" s="8"/>
      <c r="F63" s="8"/>
      <c r="G63" s="8"/>
      <c r="H63" s="8"/>
      <c r="I63" s="10"/>
    </row>
    <row r="64" spans="1:18" x14ac:dyDescent="0.2">
      <c r="A64" s="9"/>
      <c r="B64" s="8" t="s">
        <v>1</v>
      </c>
      <c r="C64" s="8"/>
      <c r="D64" s="8"/>
      <c r="E64" s="8"/>
      <c r="F64" s="8"/>
      <c r="G64" s="8"/>
      <c r="H64" s="8"/>
      <c r="I64" s="10"/>
    </row>
    <row r="65" spans="1:9" x14ac:dyDescent="0.2">
      <c r="A65" s="9"/>
      <c r="B65" s="8" t="s">
        <v>2</v>
      </c>
      <c r="C65" s="8"/>
      <c r="D65" s="8"/>
      <c r="E65" s="8"/>
      <c r="F65" s="8"/>
      <c r="G65" s="8"/>
      <c r="H65" s="8"/>
      <c r="I65" s="10"/>
    </row>
    <row r="66" spans="1:9" x14ac:dyDescent="0.2">
      <c r="A66" s="9"/>
      <c r="B66" s="8" t="s">
        <v>3</v>
      </c>
      <c r="C66" s="12"/>
      <c r="D66" s="12"/>
      <c r="E66" s="12"/>
      <c r="F66" s="12"/>
      <c r="G66" s="12"/>
      <c r="H66" s="12"/>
      <c r="I66" s="10"/>
    </row>
    <row r="67" spans="1:9" x14ac:dyDescent="0.2">
      <c r="A67" s="9"/>
      <c r="B67" s="8" t="s">
        <v>4</v>
      </c>
      <c r="C67" s="12"/>
      <c r="D67" s="12"/>
      <c r="E67" s="12"/>
      <c r="F67" s="12"/>
      <c r="G67" s="12"/>
      <c r="H67" s="12"/>
      <c r="I67" s="10"/>
    </row>
    <row r="68" spans="1:9" x14ac:dyDescent="0.2">
      <c r="A68" s="9"/>
      <c r="B68" s="8" t="s">
        <v>5</v>
      </c>
      <c r="C68" s="12"/>
      <c r="D68" s="12"/>
      <c r="E68" s="12"/>
      <c r="F68" s="12"/>
      <c r="G68" s="12"/>
      <c r="H68" s="12"/>
      <c r="I68" s="10"/>
    </row>
    <row r="69" spans="1:9" x14ac:dyDescent="0.2">
      <c r="A69" s="9"/>
      <c r="B69" s="13" t="s">
        <v>6</v>
      </c>
      <c r="C69" s="14" t="s">
        <v>7</v>
      </c>
      <c r="D69" s="12"/>
      <c r="E69" s="12"/>
      <c r="F69" s="12"/>
      <c r="G69" s="12"/>
      <c r="H69" s="12"/>
      <c r="I69" s="10"/>
    </row>
    <row r="70" spans="1:9" x14ac:dyDescent="0.2">
      <c r="A70" s="9"/>
      <c r="B70" s="8"/>
      <c r="C70" s="8"/>
      <c r="D70" s="8"/>
      <c r="E70" s="8"/>
      <c r="F70" s="8"/>
      <c r="G70" s="8"/>
      <c r="H70" s="8"/>
      <c r="I70" s="10"/>
    </row>
    <row r="71" spans="1:9" x14ac:dyDescent="0.2">
      <c r="A71" s="11" t="s">
        <v>8</v>
      </c>
      <c r="B71" s="8"/>
      <c r="C71" s="8"/>
      <c r="D71" s="8"/>
      <c r="E71" s="8"/>
      <c r="F71" s="8"/>
      <c r="G71" s="8"/>
      <c r="H71" s="8"/>
      <c r="I71" s="10"/>
    </row>
    <row r="72" spans="1:9" x14ac:dyDescent="0.2">
      <c r="A72" s="9"/>
      <c r="B72" s="8"/>
      <c r="C72" s="8"/>
      <c r="D72" s="8"/>
      <c r="E72" s="8"/>
      <c r="F72" s="8"/>
      <c r="G72" s="8"/>
      <c r="H72" s="8"/>
      <c r="I72" s="10"/>
    </row>
    <row r="73" spans="1:9" x14ac:dyDescent="0.2">
      <c r="A73" s="9"/>
      <c r="B73" s="8" t="s">
        <v>9</v>
      </c>
      <c r="C73" s="8"/>
      <c r="D73" s="8"/>
      <c r="E73" s="8"/>
      <c r="F73" s="8"/>
      <c r="G73" s="8"/>
      <c r="H73" s="8"/>
      <c r="I73" s="10"/>
    </row>
    <row r="74" spans="1:9" x14ac:dyDescent="0.2">
      <c r="A74" s="9"/>
      <c r="B74" s="8" t="s">
        <v>10</v>
      </c>
      <c r="C74" s="8"/>
      <c r="D74" s="8"/>
      <c r="E74" s="8"/>
      <c r="F74" s="8"/>
      <c r="G74" s="8"/>
      <c r="H74" s="8"/>
      <c r="I74" s="10"/>
    </row>
    <row r="75" spans="1:9" x14ac:dyDescent="0.2">
      <c r="A75" s="9"/>
      <c r="B75" s="8" t="s">
        <v>11</v>
      </c>
      <c r="C75" s="8"/>
      <c r="D75" s="8"/>
      <c r="E75" s="8"/>
      <c r="F75" s="8"/>
      <c r="G75" s="8"/>
      <c r="H75" s="8"/>
      <c r="I75" s="10"/>
    </row>
    <row r="76" spans="1:9" x14ac:dyDescent="0.2">
      <c r="A76" s="9"/>
      <c r="B76" s="15" t="s">
        <v>12</v>
      </c>
      <c r="C76" s="8"/>
      <c r="D76" s="8"/>
      <c r="E76" s="8"/>
      <c r="F76" s="8"/>
      <c r="G76" s="8"/>
      <c r="H76" s="8"/>
      <c r="I76" s="10"/>
    </row>
    <row r="77" spans="1:9" x14ac:dyDescent="0.2">
      <c r="A77" s="9"/>
      <c r="B77" s="8"/>
      <c r="C77" s="16" t="s">
        <v>13</v>
      </c>
      <c r="D77" s="17" t="s">
        <v>14</v>
      </c>
      <c r="E77" s="18" t="s">
        <v>15</v>
      </c>
      <c r="F77" s="18" t="s">
        <v>16</v>
      </c>
      <c r="G77" s="18" t="s">
        <v>17</v>
      </c>
      <c r="H77" s="18" t="s">
        <v>18</v>
      </c>
      <c r="I77" s="10"/>
    </row>
    <row r="78" spans="1:9" x14ac:dyDescent="0.2">
      <c r="A78" s="9"/>
      <c r="B78" s="8"/>
      <c r="C78" s="19"/>
      <c r="D78" s="19"/>
      <c r="E78" s="18"/>
      <c r="F78" s="18"/>
      <c r="G78" s="18"/>
      <c r="H78" s="18"/>
      <c r="I78" s="10"/>
    </row>
    <row r="79" spans="1:9" x14ac:dyDescent="0.2">
      <c r="A79" s="9"/>
      <c r="B79" s="8" t="s">
        <v>19</v>
      </c>
      <c r="C79" s="8"/>
      <c r="D79" s="8"/>
      <c r="E79" s="8"/>
      <c r="F79" s="8"/>
      <c r="G79" s="8"/>
      <c r="H79" s="8"/>
      <c r="I79" s="10"/>
    </row>
    <row r="80" spans="1:9" ht="13.8" thickBot="1" x14ac:dyDescent="0.25">
      <c r="A80" s="9"/>
      <c r="B80" s="8"/>
      <c r="C80" s="8"/>
      <c r="D80" s="8"/>
      <c r="E80" s="8"/>
      <c r="F80" s="8"/>
      <c r="G80" s="8"/>
      <c r="H80" s="8"/>
      <c r="I80" s="10"/>
    </row>
    <row r="81" spans="1:15" ht="13.8" thickBot="1" x14ac:dyDescent="0.25">
      <c r="A81" s="9"/>
      <c r="B81" s="20" t="s">
        <v>20</v>
      </c>
      <c r="C81" s="21" t="s">
        <v>21</v>
      </c>
      <c r="D81" s="20" t="s">
        <v>20</v>
      </c>
      <c r="E81" s="21" t="s">
        <v>21</v>
      </c>
      <c r="F81" s="22" t="s">
        <v>20</v>
      </c>
      <c r="G81" s="21" t="s">
        <v>21</v>
      </c>
      <c r="H81" s="8"/>
      <c r="I81" s="10"/>
    </row>
    <row r="82" spans="1:15" x14ac:dyDescent="0.2">
      <c r="A82" s="9"/>
      <c r="B82" s="23" t="s">
        <v>22</v>
      </c>
      <c r="C82" s="24">
        <v>4</v>
      </c>
      <c r="D82" s="23" t="s">
        <v>23</v>
      </c>
      <c r="E82" s="24">
        <v>16</v>
      </c>
      <c r="F82" s="25" t="s">
        <v>24</v>
      </c>
      <c r="G82" s="24">
        <v>27</v>
      </c>
      <c r="H82" s="8"/>
      <c r="I82" s="10"/>
    </row>
    <row r="83" spans="1:15" x14ac:dyDescent="0.2">
      <c r="A83" s="9"/>
      <c r="B83" s="26" t="s">
        <v>25</v>
      </c>
      <c r="C83" s="27">
        <v>5</v>
      </c>
      <c r="D83" s="26" t="s">
        <v>26</v>
      </c>
      <c r="E83" s="27">
        <v>17</v>
      </c>
      <c r="F83" s="28" t="s">
        <v>27</v>
      </c>
      <c r="G83" s="27">
        <v>28</v>
      </c>
      <c r="H83" s="8"/>
      <c r="I83" s="10"/>
      <c r="K83" s="29"/>
      <c r="M83" s="29"/>
      <c r="O83" s="29"/>
    </row>
    <row r="84" spans="1:15" x14ac:dyDescent="0.2">
      <c r="A84" s="9"/>
      <c r="B84" s="26" t="s">
        <v>28</v>
      </c>
      <c r="C84" s="27">
        <v>6</v>
      </c>
      <c r="D84" s="26" t="s">
        <v>29</v>
      </c>
      <c r="E84" s="27">
        <v>18</v>
      </c>
      <c r="F84" s="28" t="s">
        <v>30</v>
      </c>
      <c r="G84" s="27">
        <v>29</v>
      </c>
      <c r="H84" s="8"/>
      <c r="I84" s="10"/>
      <c r="K84" s="29"/>
      <c r="M84" s="29"/>
      <c r="O84" s="29"/>
    </row>
    <row r="85" spans="1:15" x14ac:dyDescent="0.2">
      <c r="A85" s="9"/>
      <c r="B85" s="26" t="s">
        <v>31</v>
      </c>
      <c r="C85" s="27">
        <v>7</v>
      </c>
      <c r="D85" s="26" t="s">
        <v>32</v>
      </c>
      <c r="E85" s="27">
        <v>19</v>
      </c>
      <c r="F85" s="28" t="s">
        <v>33</v>
      </c>
      <c r="G85" s="27">
        <v>30</v>
      </c>
      <c r="H85" s="8"/>
      <c r="I85" s="10"/>
      <c r="K85" s="29"/>
      <c r="M85" s="29"/>
      <c r="O85" s="29"/>
    </row>
    <row r="86" spans="1:15" x14ac:dyDescent="0.2">
      <c r="A86" s="9"/>
      <c r="B86" s="26" t="s">
        <v>34</v>
      </c>
      <c r="C86" s="27">
        <v>9</v>
      </c>
      <c r="D86" s="26" t="s">
        <v>35</v>
      </c>
      <c r="E86" s="27">
        <v>20</v>
      </c>
      <c r="F86" s="28" t="s">
        <v>36</v>
      </c>
      <c r="G86" s="27">
        <v>31</v>
      </c>
      <c r="H86" s="8"/>
      <c r="I86" s="10"/>
      <c r="K86" s="29"/>
      <c r="M86" s="29"/>
      <c r="O86" s="29"/>
    </row>
    <row r="87" spans="1:15" x14ac:dyDescent="0.2">
      <c r="A87" s="9"/>
      <c r="B87" s="26" t="s">
        <v>37</v>
      </c>
      <c r="C87" s="27">
        <v>10</v>
      </c>
      <c r="D87" s="26" t="s">
        <v>38</v>
      </c>
      <c r="E87" s="27">
        <v>21</v>
      </c>
      <c r="F87" s="28" t="s">
        <v>39</v>
      </c>
      <c r="G87" s="27">
        <v>32</v>
      </c>
      <c r="H87" s="8"/>
      <c r="I87" s="10"/>
      <c r="K87" s="29"/>
      <c r="M87" s="29"/>
      <c r="O87" s="29"/>
    </row>
    <row r="88" spans="1:15" x14ac:dyDescent="0.2">
      <c r="A88" s="9"/>
      <c r="B88" s="26" t="s">
        <v>40</v>
      </c>
      <c r="C88" s="27">
        <v>11</v>
      </c>
      <c r="D88" s="26" t="s">
        <v>41</v>
      </c>
      <c r="E88" s="27">
        <v>22</v>
      </c>
      <c r="F88" s="28" t="s">
        <v>42</v>
      </c>
      <c r="G88" s="27">
        <v>33</v>
      </c>
      <c r="H88" s="8"/>
      <c r="I88" s="10"/>
      <c r="K88" s="29"/>
      <c r="M88" s="29"/>
      <c r="O88" s="29"/>
    </row>
    <row r="89" spans="1:15" x14ac:dyDescent="0.2">
      <c r="A89" s="9"/>
      <c r="B89" s="26" t="s">
        <v>43</v>
      </c>
      <c r="C89" s="27">
        <v>12</v>
      </c>
      <c r="D89" s="26" t="s">
        <v>44</v>
      </c>
      <c r="E89" s="27">
        <v>23</v>
      </c>
      <c r="F89" s="28" t="s">
        <v>45</v>
      </c>
      <c r="G89" s="27">
        <v>34</v>
      </c>
      <c r="H89" s="8"/>
      <c r="I89" s="10"/>
      <c r="K89" s="29"/>
      <c r="M89" s="29"/>
      <c r="O89" s="29"/>
    </row>
    <row r="90" spans="1:15" x14ac:dyDescent="0.2">
      <c r="A90" s="9"/>
      <c r="B90" s="26" t="s">
        <v>46</v>
      </c>
      <c r="C90" s="27">
        <v>13</v>
      </c>
      <c r="D90" s="26" t="s">
        <v>47</v>
      </c>
      <c r="E90" s="27">
        <v>24</v>
      </c>
      <c r="F90" s="28" t="s">
        <v>48</v>
      </c>
      <c r="G90" s="27">
        <v>35</v>
      </c>
      <c r="H90" s="8"/>
      <c r="I90" s="10"/>
      <c r="K90" s="29"/>
      <c r="M90" s="29"/>
      <c r="O90" s="29"/>
    </row>
    <row r="91" spans="1:15" x14ac:dyDescent="0.2">
      <c r="A91" s="9"/>
      <c r="B91" s="26" t="s">
        <v>49</v>
      </c>
      <c r="C91" s="27">
        <v>14</v>
      </c>
      <c r="D91" s="26" t="s">
        <v>50</v>
      </c>
      <c r="E91" s="27">
        <v>25</v>
      </c>
      <c r="F91" s="28" t="s">
        <v>51</v>
      </c>
      <c r="G91" s="27">
        <v>36</v>
      </c>
      <c r="H91" s="8"/>
      <c r="I91" s="10"/>
      <c r="K91" s="29"/>
      <c r="M91" s="29"/>
      <c r="O91" s="29"/>
    </row>
    <row r="92" spans="1:15" ht="13.8" thickBot="1" x14ac:dyDescent="0.25">
      <c r="A92" s="9"/>
      <c r="B92" s="30" t="s">
        <v>52</v>
      </c>
      <c r="C92" s="31">
        <v>15</v>
      </c>
      <c r="D92" s="30" t="s">
        <v>53</v>
      </c>
      <c r="E92" s="31">
        <v>26</v>
      </c>
      <c r="F92" s="32" t="s">
        <v>54</v>
      </c>
      <c r="G92" s="31">
        <v>37</v>
      </c>
      <c r="H92" s="8"/>
      <c r="I92" s="10"/>
      <c r="K92" s="29"/>
      <c r="M92" s="29"/>
      <c r="O92" s="29"/>
    </row>
    <row r="93" spans="1:15" x14ac:dyDescent="0.2">
      <c r="A93" s="9"/>
      <c r="I93" s="10"/>
      <c r="K93" s="29"/>
      <c r="M93" s="29"/>
      <c r="O93" s="29"/>
    </row>
    <row r="94" spans="1:15" x14ac:dyDescent="0.2">
      <c r="A94" s="9"/>
      <c r="B94" s="8" t="s">
        <v>55</v>
      </c>
      <c r="C94" s="8"/>
      <c r="D94" s="8"/>
      <c r="E94" s="8"/>
      <c r="F94" s="8"/>
      <c r="G94" s="8"/>
      <c r="H94" s="8"/>
      <c r="I94" s="10"/>
    </row>
    <row r="95" spans="1:15" x14ac:dyDescent="0.2">
      <c r="A95" s="9"/>
      <c r="B95" s="8" t="s">
        <v>56</v>
      </c>
      <c r="C95" s="8"/>
      <c r="D95" s="8"/>
      <c r="E95" s="8"/>
      <c r="F95" s="8"/>
      <c r="G95" s="8"/>
      <c r="H95" s="8"/>
      <c r="I95" s="10"/>
    </row>
    <row r="96" spans="1:15" ht="13.8" thickBot="1" x14ac:dyDescent="0.25">
      <c r="A96" s="9"/>
      <c r="B96" s="8"/>
      <c r="C96" s="8"/>
      <c r="D96" s="8"/>
      <c r="E96" s="8"/>
      <c r="F96" s="8"/>
      <c r="G96" s="8"/>
      <c r="H96" s="8"/>
      <c r="I96" s="10"/>
    </row>
    <row r="97" spans="1:18" ht="13.8" thickBot="1" x14ac:dyDescent="0.25">
      <c r="A97" s="9"/>
      <c r="B97" s="72" t="s">
        <v>57</v>
      </c>
      <c r="C97" s="73"/>
      <c r="D97" s="74" t="s">
        <v>58</v>
      </c>
      <c r="E97" s="74"/>
      <c r="F97" s="74"/>
      <c r="G97" s="74"/>
      <c r="H97" s="75"/>
      <c r="I97" s="10"/>
    </row>
    <row r="98" spans="1:18" x14ac:dyDescent="0.2">
      <c r="A98" s="9"/>
      <c r="B98" s="76" t="s">
        <v>426</v>
      </c>
      <c r="C98" s="77"/>
      <c r="D98" s="61" t="s">
        <v>22</v>
      </c>
      <c r="E98" s="61"/>
      <c r="F98" s="61"/>
      <c r="G98" s="61"/>
      <c r="H98" s="62"/>
      <c r="I98" s="33"/>
    </row>
    <row r="99" spans="1:18" x14ac:dyDescent="0.2">
      <c r="A99" s="9"/>
      <c r="B99" s="78"/>
      <c r="C99" s="79"/>
      <c r="D99" s="63"/>
      <c r="E99" s="63"/>
      <c r="F99" s="63"/>
      <c r="G99" s="63"/>
      <c r="H99" s="64"/>
      <c r="I99" s="10"/>
    </row>
    <row r="100" spans="1:18" x14ac:dyDescent="0.2">
      <c r="A100" s="9"/>
      <c r="B100" s="78"/>
      <c r="C100" s="79"/>
      <c r="D100" s="65" t="s">
        <v>25</v>
      </c>
      <c r="E100" s="65"/>
      <c r="F100" s="65"/>
      <c r="G100" s="65"/>
      <c r="H100" s="66"/>
      <c r="I100" s="10"/>
    </row>
    <row r="101" spans="1:18" x14ac:dyDescent="0.2">
      <c r="A101" s="9"/>
      <c r="B101" s="78"/>
      <c r="C101" s="79"/>
      <c r="D101" s="63"/>
      <c r="E101" s="63"/>
      <c r="F101" s="63"/>
      <c r="G101" s="63"/>
      <c r="H101" s="64"/>
      <c r="I101" s="10"/>
    </row>
    <row r="102" spans="1:18" x14ac:dyDescent="0.2">
      <c r="A102" s="9"/>
      <c r="B102" s="78"/>
      <c r="C102" s="79"/>
      <c r="D102" s="65" t="s">
        <v>59</v>
      </c>
      <c r="E102" s="65"/>
      <c r="F102" s="65"/>
      <c r="G102" s="65"/>
      <c r="H102" s="66"/>
      <c r="I102" s="10"/>
    </row>
    <row r="103" spans="1:18" x14ac:dyDescent="0.2">
      <c r="A103" s="9"/>
      <c r="B103" s="80"/>
      <c r="C103" s="81"/>
      <c r="D103" s="63"/>
      <c r="E103" s="63"/>
      <c r="F103" s="63"/>
      <c r="G103" s="63"/>
      <c r="H103" s="64"/>
      <c r="I103" s="10"/>
    </row>
    <row r="104" spans="1:18" x14ac:dyDescent="0.2">
      <c r="A104" s="9"/>
      <c r="B104" s="82" t="s">
        <v>60</v>
      </c>
      <c r="C104" s="83"/>
      <c r="D104" s="65" t="s">
        <v>61</v>
      </c>
      <c r="E104" s="65" t="s">
        <v>62</v>
      </c>
      <c r="F104" s="65" t="s">
        <v>63</v>
      </c>
      <c r="G104" s="65" t="s">
        <v>64</v>
      </c>
      <c r="H104" s="66" t="s">
        <v>65</v>
      </c>
      <c r="I104" s="10"/>
    </row>
    <row r="105" spans="1:18" x14ac:dyDescent="0.2">
      <c r="A105" s="9"/>
      <c r="B105" s="80"/>
      <c r="C105" s="81"/>
      <c r="D105" s="63"/>
      <c r="E105" s="63"/>
      <c r="F105" s="63"/>
      <c r="G105" s="63"/>
      <c r="H105" s="64"/>
      <c r="I105" s="10"/>
      <c r="J105" s="8"/>
      <c r="R105" s="8"/>
    </row>
    <row r="106" spans="1:18" x14ac:dyDescent="0.2">
      <c r="A106" s="9"/>
      <c r="B106" s="82" t="s">
        <v>66</v>
      </c>
      <c r="C106" s="83"/>
      <c r="D106" s="65" t="s">
        <v>67</v>
      </c>
      <c r="E106" s="65" t="s">
        <v>68</v>
      </c>
      <c r="F106" s="65" t="s">
        <v>69</v>
      </c>
      <c r="G106" s="65"/>
      <c r="H106" s="66"/>
      <c r="I106" s="10"/>
      <c r="J106" s="8"/>
      <c r="R106" s="8"/>
    </row>
    <row r="107" spans="1:18" x14ac:dyDescent="0.2">
      <c r="A107" s="9"/>
      <c r="B107" s="80"/>
      <c r="C107" s="81"/>
      <c r="D107" s="63"/>
      <c r="E107" s="63"/>
      <c r="F107" s="63"/>
      <c r="G107" s="63"/>
      <c r="H107" s="64"/>
      <c r="I107" s="10"/>
      <c r="J107" s="8"/>
      <c r="R107" s="8"/>
    </row>
    <row r="108" spans="1:18" x14ac:dyDescent="0.2">
      <c r="A108" s="9"/>
      <c r="B108" s="82" t="s">
        <v>70</v>
      </c>
      <c r="C108" s="83"/>
      <c r="D108" s="65" t="s">
        <v>71</v>
      </c>
      <c r="E108" s="65" t="s">
        <v>72</v>
      </c>
      <c r="F108" s="65" t="s">
        <v>73</v>
      </c>
      <c r="G108" s="65" t="s">
        <v>74</v>
      </c>
      <c r="H108" s="66" t="s">
        <v>75</v>
      </c>
      <c r="I108" s="10"/>
      <c r="J108" s="8"/>
      <c r="R108" s="8"/>
    </row>
    <row r="109" spans="1:18" x14ac:dyDescent="0.2">
      <c r="A109" s="9"/>
      <c r="B109" s="80"/>
      <c r="C109" s="81"/>
      <c r="D109" s="63"/>
      <c r="E109" s="63"/>
      <c r="F109" s="63"/>
      <c r="G109" s="63"/>
      <c r="H109" s="64"/>
      <c r="I109" s="10"/>
      <c r="J109" s="8"/>
      <c r="R109" s="8"/>
    </row>
    <row r="110" spans="1:18" x14ac:dyDescent="0.2">
      <c r="A110" s="9"/>
      <c r="B110" s="82" t="s">
        <v>76</v>
      </c>
      <c r="C110" s="83"/>
      <c r="D110" s="65" t="s">
        <v>77</v>
      </c>
      <c r="E110" s="65" t="s">
        <v>78</v>
      </c>
      <c r="F110" s="65" t="s">
        <v>79</v>
      </c>
      <c r="G110" s="65" t="s">
        <v>80</v>
      </c>
      <c r="H110" s="66" t="s">
        <v>81</v>
      </c>
      <c r="I110" s="10"/>
      <c r="J110" s="8"/>
      <c r="R110" s="8"/>
    </row>
    <row r="111" spans="1:18" x14ac:dyDescent="0.2">
      <c r="A111" s="9"/>
      <c r="B111" s="80"/>
      <c r="C111" s="81"/>
      <c r="D111" s="63" t="s">
        <v>82</v>
      </c>
      <c r="E111" s="63" t="s">
        <v>83</v>
      </c>
      <c r="F111" s="63"/>
      <c r="G111" s="63"/>
      <c r="H111" s="64"/>
      <c r="I111" s="10"/>
      <c r="J111" s="8"/>
      <c r="R111" s="8"/>
    </row>
    <row r="112" spans="1:18" x14ac:dyDescent="0.2">
      <c r="A112" s="9"/>
      <c r="B112" s="78" t="s">
        <v>84</v>
      </c>
      <c r="C112" s="79"/>
      <c r="D112" s="67" t="s">
        <v>85</v>
      </c>
      <c r="E112" s="67" t="s">
        <v>86</v>
      </c>
      <c r="F112" s="67" t="s">
        <v>87</v>
      </c>
      <c r="G112" s="67" t="s">
        <v>88</v>
      </c>
      <c r="H112" s="68" t="s">
        <v>89</v>
      </c>
      <c r="I112" s="10"/>
      <c r="J112" s="8"/>
      <c r="R112" s="8"/>
    </row>
    <row r="113" spans="1:18" ht="13.8" thickBot="1" x14ac:dyDescent="0.25">
      <c r="A113" s="9"/>
      <c r="B113" s="105"/>
      <c r="C113" s="106"/>
      <c r="D113" s="69" t="s">
        <v>90</v>
      </c>
      <c r="E113" s="69" t="s">
        <v>91</v>
      </c>
      <c r="F113" s="69" t="s">
        <v>92</v>
      </c>
      <c r="G113" s="69" t="s">
        <v>93</v>
      </c>
      <c r="H113" s="70" t="s">
        <v>94</v>
      </c>
      <c r="I113" s="10"/>
      <c r="J113" s="8"/>
      <c r="R113" s="8"/>
    </row>
    <row r="114" spans="1:18" x14ac:dyDescent="0.2">
      <c r="A114" s="9"/>
      <c r="I114" s="10"/>
      <c r="J114" s="8"/>
      <c r="K114" s="8"/>
      <c r="L114" s="8"/>
      <c r="M114" s="8"/>
      <c r="N114" s="8"/>
      <c r="O114" s="8"/>
      <c r="P114" s="8"/>
      <c r="Q114" s="8"/>
      <c r="R114" s="8"/>
    </row>
    <row r="115" spans="1:18" x14ac:dyDescent="0.2">
      <c r="A115" s="9"/>
      <c r="C115" s="8"/>
      <c r="D115" s="8"/>
      <c r="E115" s="8"/>
      <c r="F115" s="8"/>
      <c r="G115" s="8"/>
      <c r="H115" s="8"/>
      <c r="I115" s="10"/>
    </row>
    <row r="116" spans="1:18" x14ac:dyDescent="0.2">
      <c r="A116" s="9"/>
      <c r="B116" s="8"/>
      <c r="C116" s="8"/>
      <c r="D116" s="8"/>
      <c r="E116" s="8"/>
      <c r="F116" s="8"/>
      <c r="G116" s="8"/>
      <c r="H116" s="8"/>
      <c r="I116" s="10"/>
      <c r="J116" s="8"/>
      <c r="K116" s="8"/>
      <c r="L116" s="8"/>
      <c r="M116" s="8"/>
      <c r="N116" s="8"/>
      <c r="O116" s="8"/>
      <c r="P116" s="8"/>
      <c r="Q116" s="8"/>
      <c r="R116" s="8"/>
    </row>
    <row r="117" spans="1:18" x14ac:dyDescent="0.2">
      <c r="A117" s="9"/>
      <c r="B117" s="8"/>
      <c r="C117" s="8"/>
      <c r="D117" s="8"/>
      <c r="E117" s="8"/>
      <c r="F117" s="8"/>
      <c r="G117" s="8"/>
      <c r="H117" s="8"/>
      <c r="I117" s="10"/>
      <c r="J117" s="8"/>
      <c r="K117" s="8"/>
      <c r="L117" s="8"/>
      <c r="M117" s="8"/>
      <c r="N117" s="8"/>
      <c r="O117" s="8"/>
      <c r="P117" s="8"/>
      <c r="Q117" s="8"/>
      <c r="R117" s="8"/>
    </row>
    <row r="118" spans="1:18" ht="13.8" thickBot="1" x14ac:dyDescent="0.25">
      <c r="A118" s="34"/>
      <c r="B118" s="35"/>
      <c r="C118" s="35"/>
      <c r="D118" s="35"/>
      <c r="E118" s="35"/>
      <c r="F118" s="35"/>
      <c r="G118" s="35"/>
      <c r="H118" s="35"/>
      <c r="I118" s="36"/>
      <c r="J118" s="8"/>
      <c r="K118" s="8"/>
      <c r="L118" s="8"/>
      <c r="M118" s="8"/>
      <c r="N118" s="8"/>
      <c r="O118" s="8"/>
      <c r="P118" s="8"/>
      <c r="Q118" s="8"/>
      <c r="R118" s="8"/>
    </row>
    <row r="119" spans="1:18" ht="13.5" customHeight="1" thickTop="1" x14ac:dyDescent="0.2">
      <c r="A119" s="107" t="s">
        <v>95</v>
      </c>
      <c r="B119" s="107"/>
      <c r="C119" s="107"/>
      <c r="D119" s="107"/>
      <c r="E119" s="107"/>
      <c r="F119" s="107"/>
      <c r="G119" s="107"/>
      <c r="H119" s="107"/>
      <c r="I119" s="107"/>
    </row>
    <row r="120" spans="1:18" ht="13.5" customHeight="1" x14ac:dyDescent="0.2">
      <c r="A120" s="107"/>
      <c r="B120" s="107"/>
      <c r="C120" s="107"/>
      <c r="D120" s="107"/>
      <c r="E120" s="107"/>
      <c r="F120" s="107"/>
      <c r="G120" s="107"/>
      <c r="H120" s="107"/>
      <c r="I120" s="107"/>
    </row>
    <row r="123" spans="1:18" x14ac:dyDescent="0.2">
      <c r="A123" s="37" t="str">
        <f>IF(B123="","","名称")</f>
        <v>名称</v>
      </c>
      <c r="B123" s="84" t="s">
        <v>96</v>
      </c>
      <c r="C123" s="84"/>
      <c r="D123" s="84"/>
      <c r="E123" s="84"/>
      <c r="F123" s="84"/>
      <c r="G123" s="84"/>
      <c r="H123" s="84"/>
      <c r="I123" s="84"/>
    </row>
    <row r="124" spans="1:18" x14ac:dyDescent="0.2">
      <c r="A124" s="85" t="str">
        <f>IF(B123="","","内容")</f>
        <v>内容</v>
      </c>
      <c r="B124" s="87" t="s">
        <v>97</v>
      </c>
      <c r="C124" s="88"/>
      <c r="D124" s="91"/>
      <c r="E124" s="91"/>
      <c r="F124" s="91"/>
      <c r="G124" s="91"/>
      <c r="H124" s="91"/>
      <c r="I124" s="93"/>
    </row>
    <row r="125" spans="1:18" x14ac:dyDescent="0.2">
      <c r="A125" s="86"/>
      <c r="B125" s="89"/>
      <c r="C125" s="90"/>
      <c r="D125" s="92"/>
      <c r="E125" s="92"/>
      <c r="F125" s="92"/>
      <c r="G125" s="92"/>
      <c r="H125" s="92"/>
      <c r="I125" s="94"/>
    </row>
    <row r="126" spans="1:18" x14ac:dyDescent="0.2">
      <c r="A126" s="38" t="str">
        <f>IF(B123="","","（備考）")</f>
        <v>（備考）</v>
      </c>
      <c r="B126" s="95"/>
      <c r="C126" s="96"/>
      <c r="D126" s="97"/>
      <c r="E126" s="97"/>
      <c r="F126" s="97"/>
      <c r="G126" s="97"/>
      <c r="H126" s="97"/>
      <c r="I126" s="98"/>
    </row>
    <row r="127" spans="1:18" x14ac:dyDescent="0.2">
      <c r="A127" s="37" t="str">
        <f>IF(B123="","","連絡先")</f>
        <v>連絡先</v>
      </c>
      <c r="B127" s="39" t="s">
        <v>98</v>
      </c>
      <c r="C127" s="40"/>
      <c r="D127" s="40" t="s">
        <v>99</v>
      </c>
      <c r="E127" s="40"/>
      <c r="F127" s="40"/>
      <c r="G127" s="40"/>
      <c r="H127" s="40"/>
      <c r="I127" s="41"/>
    </row>
    <row r="128" spans="1:18" x14ac:dyDescent="0.2">
      <c r="A128" s="99" t="str">
        <f>IF(B123="","","URL")</f>
        <v>URL</v>
      </c>
      <c r="B128" s="101" t="s">
        <v>100</v>
      </c>
      <c r="C128" s="101"/>
      <c r="D128" s="101"/>
      <c r="E128" s="101"/>
      <c r="F128" s="101"/>
      <c r="G128" s="101"/>
      <c r="H128" s="101"/>
      <c r="I128" s="101"/>
    </row>
    <row r="129" spans="1:9" x14ac:dyDescent="0.2">
      <c r="A129" s="100"/>
      <c r="B129" s="102"/>
      <c r="C129" s="103"/>
      <c r="D129" s="103"/>
      <c r="E129" s="103"/>
      <c r="F129" s="103"/>
      <c r="G129" s="103"/>
      <c r="H129" s="103"/>
      <c r="I129" s="104"/>
    </row>
    <row r="132" spans="1:9" x14ac:dyDescent="0.2">
      <c r="A132" s="37" t="str">
        <f>IF(B132="","","名称")</f>
        <v>名称</v>
      </c>
      <c r="B132" s="84" t="s">
        <v>101</v>
      </c>
      <c r="C132" s="84"/>
      <c r="D132" s="84"/>
      <c r="E132" s="84"/>
      <c r="F132" s="84"/>
      <c r="G132" s="84"/>
      <c r="H132" s="84"/>
      <c r="I132" s="84"/>
    </row>
    <row r="133" spans="1:9" x14ac:dyDescent="0.2">
      <c r="A133" s="85" t="str">
        <f>IF(B132="","","内容")</f>
        <v>内容</v>
      </c>
      <c r="B133" s="87" t="s">
        <v>13</v>
      </c>
      <c r="C133" s="88"/>
      <c r="D133" s="91"/>
      <c r="E133" s="91"/>
      <c r="F133" s="91"/>
      <c r="G133" s="91"/>
      <c r="H133" s="91"/>
      <c r="I133" s="93"/>
    </row>
    <row r="134" spans="1:9" x14ac:dyDescent="0.2">
      <c r="A134" s="86"/>
      <c r="B134" s="89"/>
      <c r="C134" s="90"/>
      <c r="D134" s="92"/>
      <c r="E134" s="92"/>
      <c r="F134" s="92"/>
      <c r="G134" s="92"/>
      <c r="H134" s="92"/>
      <c r="I134" s="94"/>
    </row>
    <row r="135" spans="1:9" x14ac:dyDescent="0.2">
      <c r="A135" s="38" t="str">
        <f>IF(B132="","","（備考）")</f>
        <v>（備考）</v>
      </c>
      <c r="B135" s="108" t="s">
        <v>102</v>
      </c>
      <c r="C135" s="109"/>
      <c r="D135" s="97"/>
      <c r="E135" s="97"/>
      <c r="F135" s="97"/>
      <c r="G135" s="97"/>
      <c r="H135" s="97"/>
      <c r="I135" s="98"/>
    </row>
    <row r="136" spans="1:9" x14ac:dyDescent="0.2">
      <c r="A136" s="37" t="str">
        <f>IF(B132="","","連絡先")</f>
        <v>連絡先</v>
      </c>
      <c r="B136" s="42" t="s">
        <v>103</v>
      </c>
      <c r="C136" s="40"/>
      <c r="D136" s="40"/>
      <c r="E136" s="40"/>
      <c r="F136" s="40"/>
      <c r="G136" s="40"/>
      <c r="H136" s="40"/>
      <c r="I136" s="41"/>
    </row>
    <row r="137" spans="1:9" x14ac:dyDescent="0.2">
      <c r="A137" s="99" t="str">
        <f>IF(B132="","","URL")</f>
        <v>URL</v>
      </c>
      <c r="B137" s="101" t="s">
        <v>100</v>
      </c>
      <c r="C137" s="101"/>
      <c r="D137" s="101"/>
      <c r="E137" s="101"/>
      <c r="F137" s="101"/>
      <c r="G137" s="101"/>
      <c r="H137" s="101"/>
      <c r="I137" s="101"/>
    </row>
    <row r="138" spans="1:9" x14ac:dyDescent="0.2">
      <c r="A138" s="100"/>
      <c r="B138" s="102"/>
      <c r="C138" s="103"/>
      <c r="D138" s="103"/>
      <c r="E138" s="103"/>
      <c r="F138" s="103"/>
      <c r="G138" s="103"/>
      <c r="H138" s="103"/>
      <c r="I138" s="104"/>
    </row>
    <row r="141" spans="1:9" x14ac:dyDescent="0.2">
      <c r="A141" s="37" t="str">
        <f>IF(B141="","","名称")</f>
        <v>名称</v>
      </c>
      <c r="B141" s="84" t="s">
        <v>104</v>
      </c>
      <c r="C141" s="84"/>
      <c r="D141" s="84"/>
      <c r="E141" s="84"/>
      <c r="F141" s="84"/>
      <c r="G141" s="84"/>
      <c r="H141" s="84"/>
      <c r="I141" s="84"/>
    </row>
    <row r="142" spans="1:9" x14ac:dyDescent="0.2">
      <c r="A142" s="85" t="str">
        <f>IF(B141="","","内容")</f>
        <v>内容</v>
      </c>
      <c r="B142" s="87" t="s">
        <v>13</v>
      </c>
      <c r="C142" s="88"/>
      <c r="D142" s="91"/>
      <c r="E142" s="91"/>
      <c r="F142" s="91"/>
      <c r="G142" s="91"/>
      <c r="H142" s="91"/>
      <c r="I142" s="93"/>
    </row>
    <row r="143" spans="1:9" x14ac:dyDescent="0.2">
      <c r="A143" s="86"/>
      <c r="B143" s="89"/>
      <c r="C143" s="90"/>
      <c r="D143" s="92"/>
      <c r="E143" s="92"/>
      <c r="F143" s="92"/>
      <c r="G143" s="92"/>
      <c r="H143" s="92"/>
      <c r="I143" s="94"/>
    </row>
    <row r="144" spans="1:9" x14ac:dyDescent="0.2">
      <c r="A144" s="38" t="str">
        <f>IF(B141="","","（備考）")</f>
        <v>（備考）</v>
      </c>
      <c r="B144" s="108" t="s">
        <v>105</v>
      </c>
      <c r="C144" s="109"/>
      <c r="D144" s="97"/>
      <c r="E144" s="97"/>
      <c r="F144" s="97"/>
      <c r="G144" s="97"/>
      <c r="H144" s="97"/>
      <c r="I144" s="98"/>
    </row>
    <row r="145" spans="1:9" x14ac:dyDescent="0.2">
      <c r="A145" s="37" t="str">
        <f>IF(B141="","","連絡先")</f>
        <v>連絡先</v>
      </c>
      <c r="B145" s="39" t="s">
        <v>98</v>
      </c>
      <c r="C145" s="40"/>
      <c r="D145" s="40" t="s">
        <v>106</v>
      </c>
      <c r="E145" s="40"/>
      <c r="F145" s="40"/>
      <c r="G145" s="40"/>
      <c r="H145" s="40"/>
      <c r="I145" s="41"/>
    </row>
    <row r="146" spans="1:9" ht="13.5" customHeight="1" x14ac:dyDescent="0.2">
      <c r="A146" s="99" t="str">
        <f>IF(B141="","","URL")</f>
        <v>URL</v>
      </c>
      <c r="B146" s="110" t="s">
        <v>107</v>
      </c>
      <c r="C146" s="111"/>
      <c r="D146" s="111"/>
      <c r="E146" s="111"/>
      <c r="F146" s="111"/>
      <c r="G146" s="111"/>
      <c r="H146" s="111"/>
      <c r="I146" s="112"/>
    </row>
    <row r="147" spans="1:9" x14ac:dyDescent="0.2">
      <c r="A147" s="100"/>
      <c r="B147" s="113"/>
      <c r="C147" s="114"/>
      <c r="D147" s="114"/>
      <c r="E147" s="114"/>
      <c r="F147" s="114"/>
      <c r="G147" s="114"/>
      <c r="H147" s="114"/>
      <c r="I147" s="115"/>
    </row>
    <row r="150" spans="1:9" x14ac:dyDescent="0.2">
      <c r="A150" s="37" t="str">
        <f>IF(B150="","","名称")</f>
        <v/>
      </c>
      <c r="B150" s="84"/>
      <c r="C150" s="84"/>
      <c r="D150" s="84"/>
      <c r="E150" s="84"/>
      <c r="F150" s="84"/>
      <c r="G150" s="84"/>
      <c r="H150" s="84"/>
      <c r="I150" s="84"/>
    </row>
    <row r="151" spans="1:9" x14ac:dyDescent="0.2">
      <c r="A151" s="85" t="str">
        <f>IF(B150="","","内容")</f>
        <v/>
      </c>
      <c r="B151" s="87"/>
      <c r="C151" s="88"/>
      <c r="D151" s="91"/>
      <c r="E151" s="91"/>
      <c r="F151" s="91"/>
      <c r="G151" s="91"/>
      <c r="H151" s="91"/>
      <c r="I151" s="93"/>
    </row>
    <row r="152" spans="1:9" x14ac:dyDescent="0.2">
      <c r="A152" s="86"/>
      <c r="B152" s="89"/>
      <c r="C152" s="90"/>
      <c r="D152" s="92"/>
      <c r="E152" s="92"/>
      <c r="F152" s="92"/>
      <c r="G152" s="92"/>
      <c r="H152" s="92"/>
      <c r="I152" s="94"/>
    </row>
    <row r="153" spans="1:9" x14ac:dyDescent="0.2">
      <c r="A153" s="38" t="str">
        <f>IF(B150="","","（備考）")</f>
        <v/>
      </c>
      <c r="B153" s="116"/>
      <c r="C153" s="97"/>
      <c r="D153" s="97"/>
      <c r="E153" s="97"/>
      <c r="F153" s="97"/>
      <c r="G153" s="97"/>
      <c r="H153" s="97"/>
      <c r="I153" s="98"/>
    </row>
    <row r="154" spans="1:9" x14ac:dyDescent="0.2">
      <c r="A154" s="37" t="str">
        <f>IF(B150="","","連絡先")</f>
        <v/>
      </c>
      <c r="B154" s="42"/>
      <c r="C154" s="40"/>
      <c r="D154" s="40"/>
      <c r="E154" s="40"/>
      <c r="F154" s="40"/>
      <c r="G154" s="40"/>
      <c r="H154" s="40"/>
      <c r="I154" s="41"/>
    </row>
    <row r="155" spans="1:9" x14ac:dyDescent="0.2">
      <c r="A155" s="99" t="str">
        <f>IF(B150="","","URL")</f>
        <v/>
      </c>
      <c r="B155" s="101"/>
      <c r="C155" s="101"/>
      <c r="D155" s="101"/>
      <c r="E155" s="101"/>
      <c r="F155" s="101"/>
      <c r="G155" s="101"/>
      <c r="H155" s="101"/>
      <c r="I155" s="101"/>
    </row>
    <row r="156" spans="1:9" x14ac:dyDescent="0.2">
      <c r="A156" s="100"/>
      <c r="B156" s="102"/>
      <c r="C156" s="103"/>
      <c r="D156" s="103"/>
      <c r="E156" s="103"/>
      <c r="F156" s="103"/>
      <c r="G156" s="103"/>
      <c r="H156" s="103"/>
      <c r="I156" s="104"/>
    </row>
    <row r="159" spans="1:9" x14ac:dyDescent="0.2">
      <c r="A159" s="37" t="str">
        <f>IF(B159="","","名称")</f>
        <v/>
      </c>
      <c r="B159" s="84"/>
      <c r="C159" s="84"/>
      <c r="D159" s="84"/>
      <c r="E159" s="84"/>
      <c r="F159" s="84"/>
      <c r="G159" s="84"/>
      <c r="H159" s="84"/>
      <c r="I159" s="84"/>
    </row>
    <row r="160" spans="1:9" x14ac:dyDescent="0.2">
      <c r="A160" s="85" t="str">
        <f>IF(B159="","","内容")</f>
        <v/>
      </c>
      <c r="B160" s="87"/>
      <c r="C160" s="88"/>
      <c r="D160" s="91"/>
      <c r="E160" s="91"/>
      <c r="F160" s="91"/>
      <c r="G160" s="91"/>
      <c r="H160" s="91"/>
      <c r="I160" s="93"/>
    </row>
    <row r="161" spans="1:9" x14ac:dyDescent="0.2">
      <c r="A161" s="86"/>
      <c r="B161" s="89"/>
      <c r="C161" s="90"/>
      <c r="D161" s="92"/>
      <c r="E161" s="92"/>
      <c r="F161" s="92"/>
      <c r="G161" s="92"/>
      <c r="H161" s="92"/>
      <c r="I161" s="94"/>
    </row>
    <row r="162" spans="1:9" x14ac:dyDescent="0.2">
      <c r="A162" s="38" t="str">
        <f>IF(B159="","","（備考）")</f>
        <v/>
      </c>
      <c r="B162" s="116"/>
      <c r="C162" s="97"/>
      <c r="D162" s="97"/>
      <c r="E162" s="97"/>
      <c r="F162" s="97"/>
      <c r="G162" s="97"/>
      <c r="H162" s="97"/>
      <c r="I162" s="98"/>
    </row>
    <row r="163" spans="1:9" x14ac:dyDescent="0.2">
      <c r="A163" s="37" t="str">
        <f>IF(B159="","","連絡先")</f>
        <v/>
      </c>
      <c r="B163" s="43"/>
      <c r="C163" s="44"/>
      <c r="D163" s="44"/>
      <c r="E163" s="44"/>
      <c r="F163" s="44"/>
      <c r="G163" s="44"/>
      <c r="H163" s="44"/>
      <c r="I163" s="45"/>
    </row>
    <row r="164" spans="1:9" x14ac:dyDescent="0.2">
      <c r="A164" s="99" t="str">
        <f>IF(B159="","","URL")</f>
        <v/>
      </c>
      <c r="B164" s="101"/>
      <c r="C164" s="101"/>
      <c r="D164" s="101"/>
      <c r="E164" s="101"/>
      <c r="F164" s="101"/>
      <c r="G164" s="101"/>
      <c r="H164" s="101"/>
      <c r="I164" s="101"/>
    </row>
    <row r="165" spans="1:9" x14ac:dyDescent="0.2">
      <c r="A165" s="100"/>
      <c r="B165" s="102"/>
      <c r="C165" s="103"/>
      <c r="D165" s="103"/>
      <c r="E165" s="103"/>
      <c r="F165" s="103"/>
      <c r="G165" s="103"/>
      <c r="H165" s="103"/>
      <c r="I165" s="104"/>
    </row>
    <row r="168" spans="1:9" x14ac:dyDescent="0.2">
      <c r="A168" s="37" t="str">
        <f>IF(B168="","","名称")</f>
        <v/>
      </c>
      <c r="B168" s="84"/>
      <c r="C168" s="84"/>
      <c r="D168" s="84"/>
      <c r="E168" s="84"/>
      <c r="F168" s="84"/>
      <c r="G168" s="84"/>
      <c r="H168" s="84"/>
      <c r="I168" s="84"/>
    </row>
    <row r="169" spans="1:9" ht="13.5" customHeight="1" x14ac:dyDescent="0.2">
      <c r="A169" s="85" t="str">
        <f>IF(B168="","","内容")</f>
        <v/>
      </c>
      <c r="B169" s="87"/>
      <c r="C169" s="88"/>
      <c r="D169" s="91"/>
      <c r="E169" s="91"/>
      <c r="F169" s="91"/>
      <c r="G169" s="91"/>
      <c r="H169" s="91"/>
      <c r="I169" s="93"/>
    </row>
    <row r="170" spans="1:9" ht="13.5" customHeight="1" x14ac:dyDescent="0.2">
      <c r="A170" s="86"/>
      <c r="B170" s="89"/>
      <c r="C170" s="90"/>
      <c r="D170" s="92"/>
      <c r="E170" s="92"/>
      <c r="F170" s="92"/>
      <c r="G170" s="92"/>
      <c r="H170" s="92"/>
      <c r="I170" s="94"/>
    </row>
    <row r="171" spans="1:9" ht="13.5" customHeight="1" x14ac:dyDescent="0.2">
      <c r="A171" s="38" t="str">
        <f>IF(B168="","","（備考）")</f>
        <v/>
      </c>
      <c r="B171" s="116"/>
      <c r="C171" s="97"/>
      <c r="D171" s="97"/>
      <c r="E171" s="97"/>
      <c r="F171" s="97"/>
      <c r="G171" s="97"/>
      <c r="H171" s="97"/>
      <c r="I171" s="98"/>
    </row>
    <row r="172" spans="1:9" ht="13.5" customHeight="1" x14ac:dyDescent="0.2">
      <c r="A172" s="37" t="str">
        <f>IF(B168="","","連絡先")</f>
        <v/>
      </c>
      <c r="B172" s="43"/>
      <c r="C172" s="44"/>
      <c r="D172" s="44"/>
      <c r="E172" s="44"/>
      <c r="F172" s="44"/>
      <c r="G172" s="44"/>
      <c r="H172" s="44"/>
      <c r="I172" s="45"/>
    </row>
    <row r="173" spans="1:9" ht="13.5" customHeight="1" x14ac:dyDescent="0.2">
      <c r="A173" s="99" t="str">
        <f>IF(B168="","","URL")</f>
        <v/>
      </c>
      <c r="B173" s="101"/>
      <c r="C173" s="101"/>
      <c r="D173" s="101"/>
      <c r="E173" s="101"/>
      <c r="F173" s="101"/>
      <c r="G173" s="101"/>
      <c r="H173" s="101"/>
      <c r="I173" s="101"/>
    </row>
    <row r="174" spans="1:9" ht="13.5" customHeight="1" x14ac:dyDescent="0.2">
      <c r="A174" s="100"/>
      <c r="B174" s="102"/>
      <c r="C174" s="103"/>
      <c r="D174" s="103"/>
      <c r="E174" s="103"/>
      <c r="F174" s="103"/>
      <c r="G174" s="103"/>
      <c r="H174" s="103"/>
      <c r="I174" s="104"/>
    </row>
    <row r="178" spans="1:9" ht="13.5" customHeight="1" x14ac:dyDescent="0.2">
      <c r="A178" s="107" t="s">
        <v>22</v>
      </c>
      <c r="B178" s="107"/>
      <c r="C178" s="107"/>
      <c r="D178" s="107"/>
      <c r="E178" s="107"/>
      <c r="F178" s="107"/>
      <c r="G178" s="107"/>
      <c r="H178" s="107"/>
      <c r="I178" s="107"/>
    </row>
    <row r="179" spans="1:9" ht="13.5" customHeight="1" x14ac:dyDescent="0.2">
      <c r="A179" s="107"/>
      <c r="B179" s="107"/>
      <c r="C179" s="107"/>
      <c r="D179" s="107"/>
      <c r="E179" s="107"/>
      <c r="F179" s="107"/>
      <c r="G179" s="107"/>
      <c r="H179" s="107"/>
      <c r="I179" s="107"/>
    </row>
    <row r="180" spans="1:9" x14ac:dyDescent="0.2">
      <c r="A180" s="121"/>
      <c r="B180" s="121"/>
      <c r="C180" s="121"/>
      <c r="D180" s="121"/>
      <c r="E180" s="121"/>
      <c r="F180" s="121"/>
      <c r="G180" s="121"/>
      <c r="H180" s="121"/>
      <c r="I180" s="121"/>
    </row>
    <row r="181" spans="1:9" x14ac:dyDescent="0.2">
      <c r="A181" s="122"/>
      <c r="B181" s="122"/>
      <c r="C181" s="122"/>
      <c r="D181" s="122"/>
      <c r="E181" s="122"/>
      <c r="F181" s="122"/>
      <c r="G181" s="122"/>
      <c r="H181" s="122"/>
      <c r="I181" s="122"/>
    </row>
    <row r="182" spans="1:9" x14ac:dyDescent="0.2">
      <c r="A182" s="37" t="str">
        <f>IF(B182="","","名称")</f>
        <v>名称</v>
      </c>
      <c r="B182" s="84" t="s">
        <v>108</v>
      </c>
      <c r="C182" s="84"/>
      <c r="D182" s="84"/>
      <c r="E182" s="84"/>
      <c r="F182" s="84"/>
      <c r="G182" s="84"/>
      <c r="H182" s="84"/>
      <c r="I182" s="84"/>
    </row>
    <row r="183" spans="1:9" x14ac:dyDescent="0.2">
      <c r="A183" s="85" t="str">
        <f>IF(B182="","","内容")</f>
        <v>内容</v>
      </c>
      <c r="B183" s="87" t="s">
        <v>109</v>
      </c>
      <c r="C183" s="88"/>
      <c r="D183" s="91" t="s">
        <v>110</v>
      </c>
      <c r="E183" s="91"/>
      <c r="F183" s="91" t="s">
        <v>111</v>
      </c>
      <c r="G183" s="91"/>
      <c r="H183" s="91"/>
      <c r="I183" s="93"/>
    </row>
    <row r="184" spans="1:9" x14ac:dyDescent="0.2">
      <c r="A184" s="86"/>
      <c r="B184" s="89"/>
      <c r="C184" s="90"/>
      <c r="D184" s="92"/>
      <c r="E184" s="92"/>
      <c r="F184" s="92"/>
      <c r="G184" s="92"/>
      <c r="H184" s="92"/>
      <c r="I184" s="94"/>
    </row>
    <row r="185" spans="1:9" x14ac:dyDescent="0.2">
      <c r="A185" s="38" t="str">
        <f>IF(B182="","","（備考）")</f>
        <v>（備考）</v>
      </c>
      <c r="B185" s="108"/>
      <c r="C185" s="109"/>
      <c r="D185" s="117"/>
      <c r="E185" s="117"/>
      <c r="F185" s="96"/>
      <c r="G185" s="96"/>
      <c r="H185" s="97"/>
      <c r="I185" s="98"/>
    </row>
    <row r="186" spans="1:9" x14ac:dyDescent="0.2">
      <c r="A186" s="37" t="str">
        <f>IF(B182="","","連絡先")</f>
        <v>連絡先</v>
      </c>
      <c r="B186" s="118" t="s">
        <v>112</v>
      </c>
      <c r="C186" s="119"/>
      <c r="D186" s="119"/>
      <c r="E186" s="119"/>
      <c r="F186" s="119"/>
      <c r="G186" s="119"/>
      <c r="H186" s="119"/>
      <c r="I186" s="120"/>
    </row>
    <row r="187" spans="1:9" x14ac:dyDescent="0.2">
      <c r="A187" s="99" t="str">
        <f>IF(B182="","","URL")</f>
        <v>URL</v>
      </c>
      <c r="B187" s="101" t="s">
        <v>113</v>
      </c>
      <c r="C187" s="101"/>
      <c r="D187" s="101"/>
      <c r="E187" s="101"/>
      <c r="F187" s="101"/>
      <c r="G187" s="101"/>
      <c r="H187" s="101"/>
      <c r="I187" s="101"/>
    </row>
    <row r="188" spans="1:9" x14ac:dyDescent="0.2">
      <c r="A188" s="100"/>
      <c r="B188" s="102"/>
      <c r="C188" s="103"/>
      <c r="D188" s="103"/>
      <c r="E188" s="103"/>
      <c r="F188" s="103"/>
      <c r="G188" s="103"/>
      <c r="H188" s="103"/>
      <c r="I188" s="104"/>
    </row>
    <row r="191" spans="1:9" x14ac:dyDescent="0.2">
      <c r="A191" s="37" t="str">
        <f>IF(B191="","","名称")</f>
        <v/>
      </c>
      <c r="B191" s="84"/>
      <c r="C191" s="84"/>
      <c r="D191" s="84"/>
      <c r="E191" s="84"/>
      <c r="F191" s="84"/>
      <c r="G191" s="84"/>
      <c r="H191" s="84"/>
      <c r="I191" s="84"/>
    </row>
    <row r="192" spans="1:9" x14ac:dyDescent="0.2">
      <c r="A192" s="85" t="str">
        <f>IF(B191="","","内容")</f>
        <v/>
      </c>
      <c r="B192" s="87"/>
      <c r="C192" s="88"/>
      <c r="D192" s="91"/>
      <c r="E192" s="91"/>
      <c r="F192" s="91"/>
      <c r="G192" s="91"/>
      <c r="H192" s="91"/>
      <c r="I192" s="93"/>
    </row>
    <row r="193" spans="1:9" x14ac:dyDescent="0.2">
      <c r="A193" s="86"/>
      <c r="B193" s="89"/>
      <c r="C193" s="90"/>
      <c r="D193" s="92"/>
      <c r="E193" s="92"/>
      <c r="F193" s="92"/>
      <c r="G193" s="92"/>
      <c r="H193" s="92"/>
      <c r="I193" s="94"/>
    </row>
    <row r="194" spans="1:9" x14ac:dyDescent="0.2">
      <c r="A194" s="38" t="str">
        <f>IF(B191="","","（備考）")</f>
        <v/>
      </c>
      <c r="B194" s="116"/>
      <c r="C194" s="97"/>
      <c r="D194" s="97"/>
      <c r="E194" s="97"/>
      <c r="F194" s="97"/>
      <c r="G194" s="97"/>
      <c r="H194" s="97"/>
      <c r="I194" s="98"/>
    </row>
    <row r="195" spans="1:9" x14ac:dyDescent="0.2">
      <c r="A195" s="37" t="str">
        <f>IF(B191="","","連絡先")</f>
        <v/>
      </c>
      <c r="B195" s="42"/>
      <c r="C195" s="40"/>
      <c r="D195" s="40"/>
      <c r="E195" s="40"/>
      <c r="F195" s="40"/>
      <c r="G195" s="40"/>
      <c r="H195" s="40"/>
      <c r="I195" s="41"/>
    </row>
    <row r="196" spans="1:9" x14ac:dyDescent="0.2">
      <c r="A196" s="99" t="str">
        <f>IF(B191="","","URL")</f>
        <v/>
      </c>
      <c r="B196" s="101"/>
      <c r="C196" s="101"/>
      <c r="D196" s="101"/>
      <c r="E196" s="101"/>
      <c r="F196" s="101"/>
      <c r="G196" s="101"/>
      <c r="H196" s="101"/>
      <c r="I196" s="101"/>
    </row>
    <row r="197" spans="1:9" x14ac:dyDescent="0.2">
      <c r="A197" s="100"/>
      <c r="B197" s="102"/>
      <c r="C197" s="103"/>
      <c r="D197" s="103"/>
      <c r="E197" s="103"/>
      <c r="F197" s="103"/>
      <c r="G197" s="103"/>
      <c r="H197" s="103"/>
      <c r="I197" s="104"/>
    </row>
    <row r="200" spans="1:9" x14ac:dyDescent="0.2">
      <c r="A200" s="37" t="str">
        <f>IF(B200="","","名称")</f>
        <v/>
      </c>
      <c r="B200" s="84"/>
      <c r="C200" s="84"/>
      <c r="D200" s="84"/>
      <c r="E200" s="84"/>
      <c r="F200" s="84"/>
      <c r="G200" s="84"/>
      <c r="H200" s="84"/>
      <c r="I200" s="84"/>
    </row>
    <row r="201" spans="1:9" x14ac:dyDescent="0.2">
      <c r="A201" s="85" t="str">
        <f>IF(B200="","","内容")</f>
        <v/>
      </c>
      <c r="B201" s="87"/>
      <c r="C201" s="88"/>
      <c r="D201" s="91"/>
      <c r="E201" s="91"/>
      <c r="F201" s="91"/>
      <c r="G201" s="91"/>
      <c r="H201" s="91"/>
      <c r="I201" s="93"/>
    </row>
    <row r="202" spans="1:9" x14ac:dyDescent="0.2">
      <c r="A202" s="86"/>
      <c r="B202" s="89"/>
      <c r="C202" s="90"/>
      <c r="D202" s="92"/>
      <c r="E202" s="92"/>
      <c r="F202" s="92"/>
      <c r="G202" s="92"/>
      <c r="H202" s="92"/>
      <c r="I202" s="94"/>
    </row>
    <row r="203" spans="1:9" x14ac:dyDescent="0.2">
      <c r="A203" s="38" t="str">
        <f>IF(B200="","","（備考）")</f>
        <v/>
      </c>
      <c r="B203" s="116"/>
      <c r="C203" s="97"/>
      <c r="D203" s="97"/>
      <c r="E203" s="97"/>
      <c r="F203" s="97"/>
      <c r="G203" s="97"/>
      <c r="H203" s="97"/>
      <c r="I203" s="98"/>
    </row>
    <row r="204" spans="1:9" x14ac:dyDescent="0.2">
      <c r="A204" s="37" t="str">
        <f>IF(B200="","","連絡先")</f>
        <v/>
      </c>
      <c r="B204" s="42"/>
      <c r="C204" s="40"/>
      <c r="D204" s="40"/>
      <c r="E204" s="40"/>
      <c r="F204" s="40"/>
      <c r="G204" s="40"/>
      <c r="H204" s="40"/>
      <c r="I204" s="41"/>
    </row>
    <row r="205" spans="1:9" x14ac:dyDescent="0.2">
      <c r="A205" s="99" t="str">
        <f>IF(B200="","","URL")</f>
        <v/>
      </c>
      <c r="B205" s="101"/>
      <c r="C205" s="101"/>
      <c r="D205" s="101"/>
      <c r="E205" s="101"/>
      <c r="F205" s="101"/>
      <c r="G205" s="101"/>
      <c r="H205" s="101"/>
      <c r="I205" s="101"/>
    </row>
    <row r="206" spans="1:9" x14ac:dyDescent="0.2">
      <c r="A206" s="100"/>
      <c r="B206" s="102"/>
      <c r="C206" s="103"/>
      <c r="D206" s="103"/>
      <c r="E206" s="103"/>
      <c r="F206" s="103"/>
      <c r="G206" s="103"/>
      <c r="H206" s="103"/>
      <c r="I206" s="104"/>
    </row>
    <row r="209" spans="1:9" x14ac:dyDescent="0.2">
      <c r="A209" s="37" t="str">
        <f>IF(B209="","","名称")</f>
        <v/>
      </c>
      <c r="B209" s="84"/>
      <c r="C209" s="84"/>
      <c r="D209" s="84"/>
      <c r="E209" s="84"/>
      <c r="F209" s="84"/>
      <c r="G209" s="84"/>
      <c r="H209" s="84"/>
      <c r="I209" s="84"/>
    </row>
    <row r="210" spans="1:9" x14ac:dyDescent="0.2">
      <c r="A210" s="85" t="str">
        <f>IF(B209="","","内容")</f>
        <v/>
      </c>
      <c r="B210" s="87"/>
      <c r="C210" s="88"/>
      <c r="D210" s="91"/>
      <c r="E210" s="91"/>
      <c r="F210" s="91"/>
      <c r="G210" s="91"/>
      <c r="H210" s="91"/>
      <c r="I210" s="93"/>
    </row>
    <row r="211" spans="1:9" x14ac:dyDescent="0.2">
      <c r="A211" s="86"/>
      <c r="B211" s="89"/>
      <c r="C211" s="90"/>
      <c r="D211" s="92"/>
      <c r="E211" s="92"/>
      <c r="F211" s="92"/>
      <c r="G211" s="92"/>
      <c r="H211" s="92"/>
      <c r="I211" s="94"/>
    </row>
    <row r="212" spans="1:9" x14ac:dyDescent="0.2">
      <c r="A212" s="38" t="str">
        <f>IF(B209="","","（備考）")</f>
        <v/>
      </c>
      <c r="B212" s="116"/>
      <c r="C212" s="97"/>
      <c r="D212" s="97"/>
      <c r="E212" s="97"/>
      <c r="F212" s="97"/>
      <c r="G212" s="97"/>
      <c r="H212" s="97"/>
      <c r="I212" s="98"/>
    </row>
    <row r="213" spans="1:9" x14ac:dyDescent="0.2">
      <c r="A213" s="37" t="str">
        <f>IF(B209="","","連絡先")</f>
        <v/>
      </c>
      <c r="B213" s="42"/>
      <c r="C213" s="40"/>
      <c r="D213" s="40"/>
      <c r="E213" s="40"/>
      <c r="F213" s="40"/>
      <c r="G213" s="40"/>
      <c r="H213" s="40"/>
      <c r="I213" s="41"/>
    </row>
    <row r="214" spans="1:9" x14ac:dyDescent="0.2">
      <c r="A214" s="99" t="str">
        <f>IF(B209="","","URL")</f>
        <v/>
      </c>
      <c r="B214" s="101"/>
      <c r="C214" s="101"/>
      <c r="D214" s="101"/>
      <c r="E214" s="101"/>
      <c r="F214" s="101"/>
      <c r="G214" s="101"/>
      <c r="H214" s="101"/>
      <c r="I214" s="101"/>
    </row>
    <row r="215" spans="1:9" x14ac:dyDescent="0.2">
      <c r="A215" s="100"/>
      <c r="B215" s="102"/>
      <c r="C215" s="103"/>
      <c r="D215" s="103"/>
      <c r="E215" s="103"/>
      <c r="F215" s="103"/>
      <c r="G215" s="103"/>
      <c r="H215" s="103"/>
      <c r="I215" s="104"/>
    </row>
    <row r="218" spans="1:9" x14ac:dyDescent="0.2">
      <c r="A218" s="37" t="str">
        <f>IF(B218="","","名称")</f>
        <v/>
      </c>
      <c r="B218" s="84"/>
      <c r="C218" s="84"/>
      <c r="D218" s="84"/>
      <c r="E218" s="84"/>
      <c r="F218" s="84"/>
      <c r="G218" s="84"/>
      <c r="H218" s="84"/>
      <c r="I218" s="84"/>
    </row>
    <row r="219" spans="1:9" x14ac:dyDescent="0.2">
      <c r="A219" s="85" t="str">
        <f>IF(B218="","","内容")</f>
        <v/>
      </c>
      <c r="B219" s="87"/>
      <c r="C219" s="88"/>
      <c r="D219" s="91"/>
      <c r="E219" s="91"/>
      <c r="F219" s="91"/>
      <c r="G219" s="91"/>
      <c r="H219" s="91"/>
      <c r="I219" s="93"/>
    </row>
    <row r="220" spans="1:9" x14ac:dyDescent="0.2">
      <c r="A220" s="86"/>
      <c r="B220" s="89"/>
      <c r="C220" s="90"/>
      <c r="D220" s="92"/>
      <c r="E220" s="92"/>
      <c r="F220" s="92"/>
      <c r="G220" s="92"/>
      <c r="H220" s="92"/>
      <c r="I220" s="94"/>
    </row>
    <row r="221" spans="1:9" x14ac:dyDescent="0.2">
      <c r="A221" s="38" t="str">
        <f>IF(B218="","","（備考）")</f>
        <v/>
      </c>
      <c r="B221" s="116"/>
      <c r="C221" s="97"/>
      <c r="D221" s="97"/>
      <c r="E221" s="97"/>
      <c r="F221" s="97"/>
      <c r="G221" s="97"/>
      <c r="H221" s="97"/>
      <c r="I221" s="98"/>
    </row>
    <row r="222" spans="1:9" x14ac:dyDescent="0.2">
      <c r="A222" s="37" t="str">
        <f>IF(B218="","","連絡先")</f>
        <v/>
      </c>
      <c r="B222" s="42"/>
      <c r="C222" s="40"/>
      <c r="D222" s="40"/>
      <c r="E222" s="40"/>
      <c r="F222" s="40"/>
      <c r="G222" s="40"/>
      <c r="H222" s="40"/>
      <c r="I222" s="41"/>
    </row>
    <row r="223" spans="1:9" x14ac:dyDescent="0.2">
      <c r="A223" s="99" t="str">
        <f>IF(B218="","","URL")</f>
        <v/>
      </c>
      <c r="B223" s="101"/>
      <c r="C223" s="101"/>
      <c r="D223" s="101"/>
      <c r="E223" s="101"/>
      <c r="F223" s="101"/>
      <c r="G223" s="101"/>
      <c r="H223" s="101"/>
      <c r="I223" s="101"/>
    </row>
    <row r="224" spans="1:9" x14ac:dyDescent="0.2">
      <c r="A224" s="100"/>
      <c r="B224" s="102"/>
      <c r="C224" s="103"/>
      <c r="D224" s="103"/>
      <c r="E224" s="103"/>
      <c r="F224" s="103"/>
      <c r="G224" s="103"/>
      <c r="H224" s="103"/>
      <c r="I224" s="104"/>
    </row>
    <row r="227" spans="1:9" x14ac:dyDescent="0.2">
      <c r="A227" s="37" t="str">
        <f>IF(B227="","","名称")</f>
        <v/>
      </c>
      <c r="B227" s="84"/>
      <c r="C227" s="84"/>
      <c r="D227" s="84"/>
      <c r="E227" s="84"/>
      <c r="F227" s="84"/>
      <c r="G227" s="84"/>
      <c r="H227" s="84"/>
      <c r="I227" s="84"/>
    </row>
    <row r="228" spans="1:9" x14ac:dyDescent="0.2">
      <c r="A228" s="85" t="str">
        <f>IF(B227="","","内容")</f>
        <v/>
      </c>
      <c r="B228" s="87"/>
      <c r="C228" s="88"/>
      <c r="D228" s="91"/>
      <c r="E228" s="91"/>
      <c r="F228" s="91"/>
      <c r="G228" s="91"/>
      <c r="H228" s="91"/>
      <c r="I228" s="93"/>
    </row>
    <row r="229" spans="1:9" x14ac:dyDescent="0.2">
      <c r="A229" s="86"/>
      <c r="B229" s="89"/>
      <c r="C229" s="90"/>
      <c r="D229" s="92"/>
      <c r="E229" s="92"/>
      <c r="F229" s="92"/>
      <c r="G229" s="92"/>
      <c r="H229" s="92"/>
      <c r="I229" s="94"/>
    </row>
    <row r="230" spans="1:9" x14ac:dyDescent="0.2">
      <c r="A230" s="38" t="str">
        <f>IF(B227="","","（備考）")</f>
        <v/>
      </c>
      <c r="B230" s="116"/>
      <c r="C230" s="97"/>
      <c r="D230" s="97"/>
      <c r="E230" s="97"/>
      <c r="F230" s="97"/>
      <c r="G230" s="97"/>
      <c r="H230" s="97"/>
      <c r="I230" s="98"/>
    </row>
    <row r="231" spans="1:9" x14ac:dyDescent="0.2">
      <c r="A231" s="37" t="str">
        <f>IF(B227="","","連絡先")</f>
        <v/>
      </c>
      <c r="B231" s="42"/>
      <c r="C231" s="40"/>
      <c r="D231" s="40"/>
      <c r="E231" s="40"/>
      <c r="F231" s="40"/>
      <c r="G231" s="40"/>
      <c r="H231" s="40"/>
      <c r="I231" s="41"/>
    </row>
    <row r="232" spans="1:9" x14ac:dyDescent="0.2">
      <c r="A232" s="99" t="str">
        <f>IF(B227="","","URL")</f>
        <v/>
      </c>
      <c r="B232" s="101"/>
      <c r="C232" s="101"/>
      <c r="D232" s="101"/>
      <c r="E232" s="101"/>
      <c r="F232" s="101"/>
      <c r="G232" s="101"/>
      <c r="H232" s="101"/>
      <c r="I232" s="101"/>
    </row>
    <row r="233" spans="1:9" x14ac:dyDescent="0.2">
      <c r="A233" s="100"/>
      <c r="B233" s="102"/>
      <c r="C233" s="103"/>
      <c r="D233" s="103"/>
      <c r="E233" s="103"/>
      <c r="F233" s="103"/>
      <c r="G233" s="103"/>
      <c r="H233" s="103"/>
      <c r="I233" s="104"/>
    </row>
    <row r="237" spans="1:9" ht="13.5" customHeight="1" x14ac:dyDescent="0.2">
      <c r="A237" s="107" t="s">
        <v>114</v>
      </c>
      <c r="B237" s="107"/>
      <c r="C237" s="107"/>
      <c r="D237" s="107"/>
      <c r="E237" s="107"/>
      <c r="F237" s="107"/>
      <c r="G237" s="107"/>
      <c r="H237" s="107"/>
      <c r="I237" s="107"/>
    </row>
    <row r="238" spans="1:9" ht="13.5" customHeight="1" x14ac:dyDescent="0.2">
      <c r="A238" s="107"/>
      <c r="B238" s="107"/>
      <c r="C238" s="107"/>
      <c r="D238" s="107"/>
      <c r="E238" s="107"/>
      <c r="F238" s="107"/>
      <c r="G238" s="107"/>
      <c r="H238" s="107"/>
      <c r="I238" s="107"/>
    </row>
    <row r="241" spans="1:9" ht="13.2" customHeight="1" x14ac:dyDescent="0.2">
      <c r="A241" s="99" t="str">
        <f>IF(B241="","","名称")</f>
        <v>名称</v>
      </c>
      <c r="B241" s="134" t="s">
        <v>536</v>
      </c>
      <c r="C241" s="135"/>
      <c r="D241" s="135"/>
      <c r="E241" s="135"/>
      <c r="F241" s="135"/>
      <c r="G241" s="135"/>
      <c r="H241" s="135"/>
      <c r="I241" s="136"/>
    </row>
    <row r="242" spans="1:9" ht="13.2" customHeight="1" x14ac:dyDescent="0.2">
      <c r="A242" s="143"/>
      <c r="B242" s="137"/>
      <c r="C242" s="138"/>
      <c r="D242" s="138"/>
      <c r="E242" s="138"/>
      <c r="F242" s="138"/>
      <c r="G242" s="138"/>
      <c r="H242" s="138"/>
      <c r="I242" s="139"/>
    </row>
    <row r="243" spans="1:9" x14ac:dyDescent="0.2">
      <c r="A243" s="100"/>
      <c r="B243" s="140"/>
      <c r="C243" s="141"/>
      <c r="D243" s="141"/>
      <c r="E243" s="141"/>
      <c r="F243" s="141"/>
      <c r="G243" s="141"/>
      <c r="H243" s="141"/>
      <c r="I243" s="142"/>
    </row>
    <row r="244" spans="1:9" ht="13.2" customHeight="1" x14ac:dyDescent="0.2">
      <c r="A244" s="85" t="str">
        <f>IF(B241="","","内容")</f>
        <v>内容</v>
      </c>
      <c r="B244" s="130" t="s">
        <v>97</v>
      </c>
      <c r="C244" s="131"/>
      <c r="D244" s="91" t="s">
        <v>500</v>
      </c>
      <c r="E244" s="91"/>
      <c r="F244" s="91"/>
      <c r="G244" s="91"/>
      <c r="H244" s="91"/>
      <c r="I244" s="93"/>
    </row>
    <row r="245" spans="1:9" x14ac:dyDescent="0.2">
      <c r="A245" s="86"/>
      <c r="B245" s="132"/>
      <c r="C245" s="133"/>
      <c r="D245" s="92"/>
      <c r="E245" s="92"/>
      <c r="F245" s="92"/>
      <c r="G245" s="92"/>
      <c r="H245" s="92"/>
      <c r="I245" s="94"/>
    </row>
    <row r="246" spans="1:9" x14ac:dyDescent="0.2">
      <c r="A246" s="38" t="str">
        <f>IF(B241="","","（備考）")</f>
        <v>（備考）</v>
      </c>
      <c r="B246" s="127" t="s">
        <v>502</v>
      </c>
      <c r="C246" s="128"/>
      <c r="D246" s="129" t="s">
        <v>501</v>
      </c>
      <c r="E246" s="129"/>
      <c r="F246" s="97"/>
      <c r="G246" s="97"/>
      <c r="H246" s="97"/>
      <c r="I246" s="98"/>
    </row>
    <row r="247" spans="1:9" x14ac:dyDescent="0.2">
      <c r="A247" s="99" t="str">
        <f>IF(B241="","","連絡先")</f>
        <v>連絡先</v>
      </c>
      <c r="B247" s="42" t="s">
        <v>504</v>
      </c>
      <c r="C247" s="40"/>
      <c r="D247" s="40"/>
      <c r="E247" s="40"/>
      <c r="F247" s="40"/>
      <c r="G247" s="40"/>
      <c r="H247" s="40"/>
      <c r="I247" s="41"/>
    </row>
    <row r="248" spans="1:9" x14ac:dyDescent="0.2">
      <c r="A248" s="100"/>
      <c r="B248" s="42" t="s">
        <v>505</v>
      </c>
      <c r="C248" s="40"/>
      <c r="D248" s="40"/>
      <c r="E248" s="40"/>
      <c r="F248" s="40"/>
      <c r="G248" s="40"/>
      <c r="H248" s="40"/>
      <c r="I248" s="41"/>
    </row>
    <row r="249" spans="1:9" ht="13.2" customHeight="1" x14ac:dyDescent="0.2">
      <c r="A249" s="99" t="str">
        <f>IF(B241="","","URL")</f>
        <v>URL</v>
      </c>
      <c r="B249" s="101" t="s">
        <v>503</v>
      </c>
      <c r="C249" s="101"/>
      <c r="D249" s="101"/>
      <c r="E249" s="101"/>
      <c r="F249" s="101"/>
      <c r="G249" s="101"/>
      <c r="H249" s="101"/>
      <c r="I249" s="101"/>
    </row>
    <row r="250" spans="1:9" x14ac:dyDescent="0.2">
      <c r="A250" s="100"/>
      <c r="B250" s="102"/>
      <c r="C250" s="103"/>
      <c r="D250" s="103"/>
      <c r="E250" s="103"/>
      <c r="F250" s="103"/>
      <c r="G250" s="103"/>
      <c r="H250" s="103"/>
      <c r="I250" s="104"/>
    </row>
    <row r="253" spans="1:9" x14ac:dyDescent="0.2">
      <c r="A253" s="37" t="str">
        <f>IF(B253="","","名称")</f>
        <v>名称</v>
      </c>
      <c r="B253" s="84" t="s">
        <v>119</v>
      </c>
      <c r="C253" s="84"/>
      <c r="D253" s="84"/>
      <c r="E253" s="84"/>
      <c r="F253" s="84"/>
      <c r="G253" s="84"/>
      <c r="H253" s="84"/>
      <c r="I253" s="84"/>
    </row>
    <row r="254" spans="1:9" ht="13.2" customHeight="1" x14ac:dyDescent="0.2">
      <c r="A254" s="85" t="str">
        <f>IF(B253="","","内容")</f>
        <v>内容</v>
      </c>
      <c r="B254" s="123" t="s">
        <v>14</v>
      </c>
      <c r="C254" s="124"/>
      <c r="D254" s="91" t="s">
        <v>444</v>
      </c>
      <c r="E254" s="91"/>
      <c r="F254" s="91"/>
      <c r="G254" s="91"/>
      <c r="H254" s="91"/>
      <c r="I254" s="93"/>
    </row>
    <row r="255" spans="1:9" x14ac:dyDescent="0.2">
      <c r="A255" s="86"/>
      <c r="B255" s="125"/>
      <c r="C255" s="126"/>
      <c r="D255" s="92"/>
      <c r="E255" s="92"/>
      <c r="F255" s="92"/>
      <c r="G255" s="92"/>
      <c r="H255" s="92"/>
      <c r="I255" s="94"/>
    </row>
    <row r="256" spans="1:9" x14ac:dyDescent="0.2">
      <c r="A256" s="38" t="str">
        <f>IF(B253="","","（備考）")</f>
        <v>（備考）</v>
      </c>
      <c r="B256" s="144" t="s">
        <v>413</v>
      </c>
      <c r="C256" s="145"/>
      <c r="D256" s="146" t="s">
        <v>506</v>
      </c>
      <c r="E256" s="146"/>
      <c r="F256" s="97"/>
      <c r="G256" s="97"/>
      <c r="H256" s="97"/>
      <c r="I256" s="98"/>
    </row>
    <row r="257" spans="1:9" x14ac:dyDescent="0.2">
      <c r="A257" s="37" t="str">
        <f>IF(B253="","","連絡先")</f>
        <v>連絡先</v>
      </c>
      <c r="B257" s="47" t="s">
        <v>507</v>
      </c>
      <c r="C257" s="40"/>
      <c r="D257" s="40"/>
      <c r="E257" s="40"/>
      <c r="F257" s="40"/>
      <c r="G257" s="40"/>
      <c r="H257" s="40"/>
      <c r="I257" s="41"/>
    </row>
    <row r="258" spans="1:9" ht="13.2" customHeight="1" x14ac:dyDescent="0.2">
      <c r="A258" s="147" t="str">
        <f>IF(B253="","","URL")</f>
        <v>URL</v>
      </c>
      <c r="B258" s="151" t="s">
        <v>398</v>
      </c>
      <c r="C258" s="151"/>
      <c r="D258" s="151"/>
      <c r="E258" s="151"/>
      <c r="F258" s="151"/>
      <c r="G258" s="151"/>
      <c r="H258" s="151"/>
      <c r="I258" s="151"/>
    </row>
    <row r="259" spans="1:9" x14ac:dyDescent="0.2">
      <c r="A259" s="148"/>
      <c r="B259" s="152"/>
      <c r="C259" s="152"/>
      <c r="D259" s="152"/>
      <c r="E259" s="152"/>
      <c r="F259" s="152"/>
      <c r="G259" s="152"/>
      <c r="H259" s="152"/>
      <c r="I259" s="152"/>
    </row>
    <row r="262" spans="1:9" x14ac:dyDescent="0.2">
      <c r="A262" s="37" t="str">
        <f>IF(B262="","","名称")</f>
        <v>名称</v>
      </c>
      <c r="B262" s="84" t="s">
        <v>508</v>
      </c>
      <c r="C262" s="84"/>
      <c r="D262" s="84"/>
      <c r="E262" s="84"/>
      <c r="F262" s="84"/>
      <c r="G262" s="84"/>
      <c r="H262" s="84"/>
      <c r="I262" s="84"/>
    </row>
    <row r="263" spans="1:9" x14ac:dyDescent="0.2">
      <c r="A263" s="85" t="str">
        <f>IF(B262="","","内容")</f>
        <v>内容</v>
      </c>
      <c r="B263" s="87" t="s">
        <v>13</v>
      </c>
      <c r="C263" s="88"/>
      <c r="D263" s="91" t="s">
        <v>443</v>
      </c>
      <c r="E263" s="91"/>
      <c r="F263" s="91"/>
      <c r="G263" s="91"/>
      <c r="H263" s="91"/>
      <c r="I263" s="93"/>
    </row>
    <row r="264" spans="1:9" x14ac:dyDescent="0.2">
      <c r="A264" s="86"/>
      <c r="B264" s="89"/>
      <c r="C264" s="90"/>
      <c r="D264" s="92"/>
      <c r="E264" s="92"/>
      <c r="F264" s="92"/>
      <c r="G264" s="92"/>
      <c r="H264" s="92"/>
      <c r="I264" s="94"/>
    </row>
    <row r="265" spans="1:9" x14ac:dyDescent="0.2">
      <c r="A265" s="38" t="str">
        <f>IF(B262="","","（備考）")</f>
        <v>（備考）</v>
      </c>
      <c r="B265" s="108" t="s">
        <v>509</v>
      </c>
      <c r="C265" s="109"/>
      <c r="D265" s="117"/>
      <c r="E265" s="117"/>
      <c r="F265" s="97"/>
      <c r="G265" s="97"/>
      <c r="H265" s="97"/>
      <c r="I265" s="98"/>
    </row>
    <row r="266" spans="1:9" x14ac:dyDescent="0.2">
      <c r="A266" s="37" t="str">
        <f>IF(B262="","","連絡先")</f>
        <v>連絡先</v>
      </c>
      <c r="B266" s="150" t="s">
        <v>510</v>
      </c>
      <c r="C266" s="150"/>
      <c r="D266" s="150"/>
      <c r="E266" s="150"/>
      <c r="F266" s="150"/>
      <c r="G266" s="150"/>
      <c r="H266" s="150"/>
      <c r="I266" s="150"/>
    </row>
    <row r="267" spans="1:9" ht="13.2" customHeight="1" x14ac:dyDescent="0.2">
      <c r="A267" s="99" t="str">
        <f>IF(B262="","","URL")</f>
        <v>URL</v>
      </c>
      <c r="B267" s="149" t="s">
        <v>511</v>
      </c>
      <c r="C267" s="101"/>
      <c r="D267" s="101"/>
      <c r="E267" s="101"/>
      <c r="F267" s="101"/>
      <c r="G267" s="101"/>
      <c r="H267" s="101"/>
      <c r="I267" s="101"/>
    </row>
    <row r="268" spans="1:9" ht="13.2" customHeight="1" x14ac:dyDescent="0.2">
      <c r="A268" s="100"/>
      <c r="B268" s="102"/>
      <c r="C268" s="103"/>
      <c r="D268" s="103"/>
      <c r="E268" s="103"/>
      <c r="F268" s="103"/>
      <c r="G268" s="103"/>
      <c r="H268" s="103"/>
      <c r="I268" s="104"/>
    </row>
    <row r="271" spans="1:9" x14ac:dyDescent="0.2">
      <c r="A271" s="37" t="str">
        <f>IF(B271="","","名称")</f>
        <v>名称</v>
      </c>
      <c r="B271" s="84" t="s">
        <v>512</v>
      </c>
      <c r="C271" s="84"/>
      <c r="D271" s="84"/>
      <c r="E271" s="84"/>
      <c r="F271" s="84"/>
      <c r="G271" s="84"/>
      <c r="H271" s="84"/>
      <c r="I271" s="84"/>
    </row>
    <row r="272" spans="1:9" x14ac:dyDescent="0.2">
      <c r="A272" s="85" t="str">
        <f>IF(B271="","","内容")</f>
        <v>内容</v>
      </c>
      <c r="B272" s="87" t="s">
        <v>16</v>
      </c>
      <c r="C272" s="88"/>
      <c r="D272" s="91"/>
      <c r="E272" s="91"/>
      <c r="F272" s="91"/>
      <c r="G272" s="91"/>
      <c r="H272" s="91"/>
      <c r="I272" s="93"/>
    </row>
    <row r="273" spans="1:9" x14ac:dyDescent="0.2">
      <c r="A273" s="86"/>
      <c r="B273" s="89"/>
      <c r="C273" s="90"/>
      <c r="D273" s="92"/>
      <c r="E273" s="92"/>
      <c r="F273" s="92"/>
      <c r="G273" s="92"/>
      <c r="H273" s="92"/>
      <c r="I273" s="94"/>
    </row>
    <row r="274" spans="1:9" x14ac:dyDescent="0.2">
      <c r="A274" s="38" t="str">
        <f>IF(B271="","","（備考）")</f>
        <v>（備考）</v>
      </c>
      <c r="B274" s="153" t="s">
        <v>513</v>
      </c>
      <c r="C274" s="154"/>
      <c r="D274" s="155"/>
      <c r="E274" s="155"/>
      <c r="F274" s="97"/>
      <c r="G274" s="97"/>
      <c r="H274" s="97"/>
      <c r="I274" s="98"/>
    </row>
    <row r="275" spans="1:9" x14ac:dyDescent="0.2">
      <c r="A275" s="37" t="str">
        <f>IF(B271="","","連絡先")</f>
        <v>連絡先</v>
      </c>
      <c r="B275" s="43" t="s">
        <v>123</v>
      </c>
      <c r="C275" s="44"/>
      <c r="D275" s="46"/>
      <c r="E275" s="44"/>
      <c r="F275" s="44"/>
      <c r="G275" s="44"/>
      <c r="H275" s="44"/>
      <c r="I275" s="45"/>
    </row>
    <row r="276" spans="1:9" ht="13.2" customHeight="1" x14ac:dyDescent="0.2">
      <c r="A276" s="99" t="str">
        <f>IF(B271="","","URL")</f>
        <v>URL</v>
      </c>
      <c r="B276" s="156" t="s">
        <v>514</v>
      </c>
      <c r="C276" s="151"/>
      <c r="D276" s="151"/>
      <c r="E276" s="151"/>
      <c r="F276" s="151"/>
      <c r="G276" s="151"/>
      <c r="H276" s="151"/>
      <c r="I276" s="157"/>
    </row>
    <row r="277" spans="1:9" x14ac:dyDescent="0.2">
      <c r="A277" s="100"/>
      <c r="B277" s="158"/>
      <c r="C277" s="159"/>
      <c r="D277" s="159"/>
      <c r="E277" s="159"/>
      <c r="F277" s="159"/>
      <c r="G277" s="159"/>
      <c r="H277" s="159"/>
      <c r="I277" s="160"/>
    </row>
    <row r="280" spans="1:9" x14ac:dyDescent="0.2">
      <c r="A280" s="37" t="str">
        <f>IF(B280="","","名称")</f>
        <v>名称</v>
      </c>
      <c r="B280" s="84" t="s">
        <v>537</v>
      </c>
      <c r="C280" s="84"/>
      <c r="D280" s="84"/>
      <c r="E280" s="84"/>
      <c r="F280" s="84"/>
      <c r="G280" s="84"/>
      <c r="H280" s="84"/>
      <c r="I280" s="84"/>
    </row>
    <row r="281" spans="1:9" x14ac:dyDescent="0.2">
      <c r="A281" s="85" t="str">
        <f>IF(B280="","","内容")</f>
        <v>内容</v>
      </c>
      <c r="B281" s="87" t="s">
        <v>109</v>
      </c>
      <c r="C281" s="88"/>
      <c r="D281" s="91" t="s">
        <v>115</v>
      </c>
      <c r="E281" s="91"/>
      <c r="F281" s="91"/>
      <c r="G281" s="91"/>
      <c r="H281" s="91"/>
      <c r="I281" s="93"/>
    </row>
    <row r="282" spans="1:9" x14ac:dyDescent="0.2">
      <c r="A282" s="86"/>
      <c r="B282" s="89"/>
      <c r="C282" s="90"/>
      <c r="D282" s="92"/>
      <c r="E282" s="92"/>
      <c r="F282" s="92"/>
      <c r="G282" s="92"/>
      <c r="H282" s="92"/>
      <c r="I282" s="94"/>
    </row>
    <row r="283" spans="1:9" x14ac:dyDescent="0.2">
      <c r="A283" s="38" t="str">
        <f>IF(B280="","","（備考）")</f>
        <v>（備考）</v>
      </c>
      <c r="B283" s="108"/>
      <c r="C283" s="109"/>
      <c r="D283" s="96"/>
      <c r="E283" s="96"/>
      <c r="F283" s="97"/>
      <c r="G283" s="97"/>
      <c r="H283" s="97"/>
      <c r="I283" s="98"/>
    </row>
    <row r="284" spans="1:9" x14ac:dyDescent="0.2">
      <c r="A284" s="37" t="str">
        <f>IF(B280="","","連絡先")</f>
        <v>連絡先</v>
      </c>
      <c r="B284" s="43" t="s">
        <v>116</v>
      </c>
      <c r="C284" s="44"/>
      <c r="D284" s="46" t="s">
        <v>106</v>
      </c>
      <c r="E284" s="44"/>
      <c r="F284" s="44"/>
      <c r="G284" s="44"/>
      <c r="H284" s="44"/>
      <c r="I284" s="45"/>
    </row>
    <row r="285" spans="1:9" x14ac:dyDescent="0.2">
      <c r="A285" s="99" t="str">
        <f>IF(B280="","","URL")</f>
        <v>URL</v>
      </c>
      <c r="B285" s="161" t="s">
        <v>117</v>
      </c>
      <c r="C285" s="162"/>
      <c r="D285" s="162"/>
      <c r="E285" s="162"/>
      <c r="F285" s="162"/>
      <c r="G285" s="162"/>
      <c r="H285" s="162"/>
      <c r="I285" s="163"/>
    </row>
    <row r="286" spans="1:9" x14ac:dyDescent="0.2">
      <c r="A286" s="100"/>
      <c r="B286" s="164" t="s">
        <v>118</v>
      </c>
      <c r="C286" s="165"/>
      <c r="D286" s="165"/>
      <c r="E286" s="165"/>
      <c r="F286" s="165"/>
      <c r="G286" s="165"/>
      <c r="H286" s="165"/>
      <c r="I286" s="166"/>
    </row>
    <row r="296" spans="1:9" ht="13.5" customHeight="1" x14ac:dyDescent="0.2">
      <c r="A296" s="107" t="s">
        <v>124</v>
      </c>
      <c r="B296" s="107"/>
      <c r="C296" s="107"/>
      <c r="D296" s="107"/>
      <c r="E296" s="107"/>
      <c r="F296" s="107"/>
      <c r="G296" s="107"/>
      <c r="H296" s="107"/>
      <c r="I296" s="107"/>
    </row>
    <row r="297" spans="1:9" ht="13.5" customHeight="1" x14ac:dyDescent="0.2">
      <c r="A297" s="107"/>
      <c r="B297" s="107"/>
      <c r="C297" s="107"/>
      <c r="D297" s="107"/>
      <c r="E297" s="107"/>
      <c r="F297" s="107"/>
      <c r="G297" s="107"/>
      <c r="H297" s="107"/>
      <c r="I297" s="107"/>
    </row>
    <row r="300" spans="1:9" x14ac:dyDescent="0.2">
      <c r="A300" s="37" t="str">
        <f>IF(B300="","","名称")</f>
        <v>名称</v>
      </c>
      <c r="B300" s="84" t="s">
        <v>530</v>
      </c>
      <c r="C300" s="84"/>
      <c r="D300" s="84"/>
      <c r="E300" s="84"/>
      <c r="F300" s="84"/>
      <c r="G300" s="84"/>
      <c r="H300" s="84"/>
      <c r="I300" s="84"/>
    </row>
    <row r="301" spans="1:9" x14ac:dyDescent="0.2">
      <c r="A301" s="85" t="str">
        <f>IF(B300="","","内容")</f>
        <v>内容</v>
      </c>
      <c r="B301" s="87" t="s">
        <v>13</v>
      </c>
      <c r="C301" s="88"/>
      <c r="D301" s="91" t="s">
        <v>15</v>
      </c>
      <c r="E301" s="91"/>
      <c r="F301" s="91"/>
      <c r="G301" s="91"/>
      <c r="H301" s="91"/>
      <c r="I301" s="93"/>
    </row>
    <row r="302" spans="1:9" x14ac:dyDescent="0.2">
      <c r="A302" s="86"/>
      <c r="B302" s="89"/>
      <c r="C302" s="90"/>
      <c r="D302" s="92"/>
      <c r="E302" s="92"/>
      <c r="F302" s="92"/>
      <c r="G302" s="92"/>
      <c r="H302" s="92"/>
      <c r="I302" s="94"/>
    </row>
    <row r="303" spans="1:9" x14ac:dyDescent="0.2">
      <c r="A303" s="38" t="str">
        <f>IF(B300="","","（備考）")</f>
        <v>（備考）</v>
      </c>
      <c r="B303" s="108"/>
      <c r="C303" s="109"/>
      <c r="D303" s="117"/>
      <c r="E303" s="117"/>
      <c r="F303" s="97"/>
      <c r="G303" s="97"/>
      <c r="H303" s="97"/>
      <c r="I303" s="98"/>
    </row>
    <row r="304" spans="1:9" x14ac:dyDescent="0.2">
      <c r="A304" s="37" t="str">
        <f>IF(B300="","","連絡先")</f>
        <v>連絡先</v>
      </c>
      <c r="B304" s="42" t="s">
        <v>125</v>
      </c>
      <c r="C304" s="40"/>
      <c r="D304" s="40"/>
      <c r="E304" s="40"/>
      <c r="F304" s="40"/>
      <c r="G304" s="40"/>
      <c r="H304" s="40"/>
      <c r="I304" s="41"/>
    </row>
    <row r="305" spans="1:9" x14ac:dyDescent="0.2">
      <c r="A305" s="99" t="str">
        <f>IF(B300="","","URL")</f>
        <v>URL</v>
      </c>
      <c r="B305" s="101" t="s">
        <v>399</v>
      </c>
      <c r="C305" s="101"/>
      <c r="D305" s="101"/>
      <c r="E305" s="101"/>
      <c r="F305" s="101"/>
      <c r="G305" s="101"/>
      <c r="H305" s="101"/>
      <c r="I305" s="101"/>
    </row>
    <row r="306" spans="1:9" x14ac:dyDescent="0.2">
      <c r="A306" s="100"/>
      <c r="B306" s="102"/>
      <c r="C306" s="103"/>
      <c r="D306" s="103"/>
      <c r="E306" s="103"/>
      <c r="F306" s="103"/>
      <c r="G306" s="103"/>
      <c r="H306" s="103"/>
      <c r="I306" s="104"/>
    </row>
    <row r="309" spans="1:9" x14ac:dyDescent="0.2">
      <c r="A309" s="37" t="str">
        <f>IF(B309="","","名称")</f>
        <v>名称</v>
      </c>
      <c r="B309" s="84" t="s">
        <v>371</v>
      </c>
      <c r="C309" s="84"/>
      <c r="D309" s="84"/>
      <c r="E309" s="84"/>
      <c r="F309" s="84"/>
      <c r="G309" s="84"/>
      <c r="H309" s="84"/>
      <c r="I309" s="84"/>
    </row>
    <row r="310" spans="1:9" x14ac:dyDescent="0.2">
      <c r="A310" s="85" t="str">
        <f>IF(B309="","","内容")</f>
        <v>内容</v>
      </c>
      <c r="B310" s="87" t="s">
        <v>126</v>
      </c>
      <c r="C310" s="88"/>
      <c r="D310" s="91"/>
      <c r="E310" s="91"/>
      <c r="F310" s="91"/>
      <c r="G310" s="91"/>
      <c r="H310" s="91"/>
      <c r="I310" s="93"/>
    </row>
    <row r="311" spans="1:9" x14ac:dyDescent="0.2">
      <c r="A311" s="86"/>
      <c r="B311" s="89"/>
      <c r="C311" s="90"/>
      <c r="D311" s="92"/>
      <c r="E311" s="92"/>
      <c r="F311" s="92"/>
      <c r="G311" s="92"/>
      <c r="H311" s="92"/>
      <c r="I311" s="94"/>
    </row>
    <row r="312" spans="1:9" x14ac:dyDescent="0.2">
      <c r="A312" s="38" t="str">
        <f>IF(B309="","","（備考）")</f>
        <v>（備考）</v>
      </c>
      <c r="B312" s="95"/>
      <c r="C312" s="96"/>
      <c r="D312" s="97"/>
      <c r="E312" s="97"/>
      <c r="F312" s="97"/>
      <c r="G312" s="97"/>
      <c r="H312" s="97"/>
      <c r="I312" s="98"/>
    </row>
    <row r="313" spans="1:9" x14ac:dyDescent="0.2">
      <c r="A313" s="37" t="str">
        <f>IF(B309="","","連絡先")</f>
        <v>連絡先</v>
      </c>
      <c r="B313" s="42" t="s">
        <v>103</v>
      </c>
      <c r="C313" s="40"/>
      <c r="D313" s="40"/>
      <c r="E313" s="40"/>
      <c r="F313" s="40"/>
      <c r="G313" s="40"/>
      <c r="H313" s="40"/>
      <c r="I313" s="41"/>
    </row>
    <row r="314" spans="1:9" ht="13.2" customHeight="1" x14ac:dyDescent="0.2">
      <c r="A314" s="99" t="str">
        <f>IF(B309="","","URL")</f>
        <v>URL</v>
      </c>
      <c r="B314" s="149" t="s">
        <v>372</v>
      </c>
      <c r="C314" s="149"/>
      <c r="D314" s="149"/>
      <c r="E314" s="149"/>
      <c r="F314" s="149"/>
      <c r="G314" s="149"/>
      <c r="H314" s="149"/>
      <c r="I314" s="149"/>
    </row>
    <row r="315" spans="1:9" x14ac:dyDescent="0.2">
      <c r="A315" s="100"/>
      <c r="B315" s="161"/>
      <c r="C315" s="162"/>
      <c r="D315" s="162"/>
      <c r="E315" s="162"/>
      <c r="F315" s="162"/>
      <c r="G315" s="162"/>
      <c r="H315" s="162"/>
      <c r="I315" s="163"/>
    </row>
    <row r="318" spans="1:9" x14ac:dyDescent="0.2">
      <c r="A318" s="37" t="str">
        <f>IF(B318="","","名称")</f>
        <v>名称</v>
      </c>
      <c r="B318" s="168" t="s">
        <v>479</v>
      </c>
      <c r="C318" s="169"/>
      <c r="D318" s="169"/>
      <c r="E318" s="169"/>
      <c r="F318" s="169"/>
      <c r="G318" s="169"/>
      <c r="H318" s="169"/>
      <c r="I318" s="169"/>
    </row>
    <row r="319" spans="1:9" x14ac:dyDescent="0.2">
      <c r="A319" s="85" t="str">
        <f>IF(B318="","","内容")</f>
        <v>内容</v>
      </c>
      <c r="B319" s="87" t="s">
        <v>15</v>
      </c>
      <c r="C319" s="88"/>
      <c r="D319" s="91"/>
      <c r="E319" s="91"/>
      <c r="F319" s="91"/>
      <c r="G319" s="91"/>
      <c r="H319" s="91"/>
      <c r="I319" s="93"/>
    </row>
    <row r="320" spans="1:9" x14ac:dyDescent="0.2">
      <c r="A320" s="86"/>
      <c r="B320" s="89"/>
      <c r="C320" s="90"/>
      <c r="D320" s="92"/>
      <c r="E320" s="92"/>
      <c r="F320" s="92"/>
      <c r="G320" s="92"/>
      <c r="H320" s="92"/>
      <c r="I320" s="94"/>
    </row>
    <row r="321" spans="1:9" x14ac:dyDescent="0.2">
      <c r="A321" s="38" t="str">
        <f>IF(B318="","","（備考）")</f>
        <v>（備考）</v>
      </c>
      <c r="B321" s="167" t="s">
        <v>400</v>
      </c>
      <c r="C321" s="117"/>
      <c r="D321" s="97"/>
      <c r="E321" s="97"/>
      <c r="F321" s="97"/>
      <c r="G321" s="97"/>
      <c r="H321" s="97"/>
      <c r="I321" s="98"/>
    </row>
    <row r="322" spans="1:9" x14ac:dyDescent="0.2">
      <c r="A322" s="37" t="str">
        <f>IF(B318="","","連絡先")</f>
        <v>連絡先</v>
      </c>
      <c r="B322" s="42" t="s">
        <v>487</v>
      </c>
      <c r="C322" s="40"/>
      <c r="D322" s="40"/>
      <c r="E322" s="40"/>
      <c r="F322" s="40"/>
      <c r="G322" s="40"/>
      <c r="H322" s="40"/>
      <c r="I322" s="41"/>
    </row>
    <row r="323" spans="1:9" x14ac:dyDescent="0.2">
      <c r="A323" s="99" t="str">
        <f>IF(B318="","","URL")</f>
        <v>URL</v>
      </c>
      <c r="B323" s="149" t="s">
        <v>480</v>
      </c>
      <c r="C323" s="149"/>
      <c r="D323" s="149"/>
      <c r="E323" s="149"/>
      <c r="F323" s="149"/>
      <c r="G323" s="149"/>
      <c r="H323" s="149"/>
      <c r="I323" s="149"/>
    </row>
    <row r="324" spans="1:9" x14ac:dyDescent="0.2">
      <c r="A324" s="100"/>
      <c r="B324" s="161"/>
      <c r="C324" s="162"/>
      <c r="D324" s="162"/>
      <c r="E324" s="162"/>
      <c r="F324" s="162"/>
      <c r="G324" s="162"/>
      <c r="H324" s="162"/>
      <c r="I324" s="163"/>
    </row>
    <row r="327" spans="1:9" x14ac:dyDescent="0.2">
      <c r="A327" s="37" t="str">
        <f>IF(B327="","","名称")</f>
        <v>名称</v>
      </c>
      <c r="B327" s="84" t="s">
        <v>481</v>
      </c>
      <c r="C327" s="84"/>
      <c r="D327" s="84"/>
      <c r="E327" s="84"/>
      <c r="F327" s="84"/>
      <c r="G327" s="84"/>
      <c r="H327" s="84"/>
      <c r="I327" s="84"/>
    </row>
    <row r="328" spans="1:9" x14ac:dyDescent="0.2">
      <c r="A328" s="85" t="str">
        <f>IF(B327="","","内容")</f>
        <v>内容</v>
      </c>
      <c r="B328" s="87" t="s">
        <v>18</v>
      </c>
      <c r="C328" s="88"/>
      <c r="D328" s="91"/>
      <c r="E328" s="91"/>
      <c r="F328" s="91"/>
      <c r="G328" s="91"/>
      <c r="H328" s="91"/>
      <c r="I328" s="93"/>
    </row>
    <row r="329" spans="1:9" x14ac:dyDescent="0.2">
      <c r="A329" s="86"/>
      <c r="B329" s="89"/>
      <c r="C329" s="90"/>
      <c r="D329" s="92"/>
      <c r="E329" s="92"/>
      <c r="F329" s="92"/>
      <c r="G329" s="92"/>
      <c r="H329" s="92"/>
      <c r="I329" s="94"/>
    </row>
    <row r="330" spans="1:9" x14ac:dyDescent="0.2">
      <c r="A330" s="38" t="str">
        <f>IF(B327="","","（備考）")</f>
        <v>（備考）</v>
      </c>
      <c r="B330" s="170" t="s">
        <v>482</v>
      </c>
      <c r="C330" s="171"/>
      <c r="D330" s="97"/>
      <c r="E330" s="97"/>
      <c r="F330" s="97"/>
      <c r="G330" s="97"/>
      <c r="H330" s="97"/>
      <c r="I330" s="98"/>
    </row>
    <row r="331" spans="1:9" x14ac:dyDescent="0.2">
      <c r="A331" s="99" t="str">
        <f>IF(B327="","","連絡先")</f>
        <v>連絡先</v>
      </c>
      <c r="B331" s="42" t="s">
        <v>483</v>
      </c>
      <c r="C331" s="40"/>
      <c r="D331" s="40"/>
      <c r="E331" s="40"/>
      <c r="F331" s="40"/>
      <c r="G331" s="40"/>
      <c r="H331" s="40"/>
      <c r="I331" s="41"/>
    </row>
    <row r="332" spans="1:9" x14ac:dyDescent="0.2">
      <c r="A332" s="100"/>
      <c r="B332" s="42" t="s">
        <v>484</v>
      </c>
      <c r="C332" s="40"/>
      <c r="D332" s="40"/>
      <c r="E332" s="40"/>
      <c r="F332" s="40"/>
      <c r="G332" s="40"/>
      <c r="H332" s="40"/>
      <c r="I332" s="41"/>
    </row>
    <row r="333" spans="1:9" x14ac:dyDescent="0.2">
      <c r="A333" s="99" t="str">
        <f>IF(B327="","","URL")</f>
        <v>URL</v>
      </c>
      <c r="B333" s="149" t="s">
        <v>485</v>
      </c>
      <c r="C333" s="149"/>
      <c r="D333" s="149"/>
      <c r="E333" s="149"/>
      <c r="F333" s="149"/>
      <c r="G333" s="149"/>
      <c r="H333" s="149"/>
      <c r="I333" s="149"/>
    </row>
    <row r="334" spans="1:9" x14ac:dyDescent="0.2">
      <c r="A334" s="100"/>
      <c r="B334" s="161"/>
      <c r="C334" s="162"/>
      <c r="D334" s="162"/>
      <c r="E334" s="162"/>
      <c r="F334" s="162"/>
      <c r="G334" s="162"/>
      <c r="H334" s="162"/>
      <c r="I334" s="163"/>
    </row>
    <row r="337" spans="1:9" x14ac:dyDescent="0.2">
      <c r="A337" s="37" t="str">
        <f>IF(B337="","","名称")</f>
        <v>名称</v>
      </c>
      <c r="B337" s="84" t="s">
        <v>396</v>
      </c>
      <c r="C337" s="84"/>
      <c r="D337" s="84"/>
      <c r="E337" s="84"/>
      <c r="F337" s="84"/>
      <c r="G337" s="84"/>
      <c r="H337" s="84"/>
      <c r="I337" s="84"/>
    </row>
    <row r="338" spans="1:9" x14ac:dyDescent="0.2">
      <c r="A338" s="85" t="str">
        <f>IF(B337="","","内容")</f>
        <v>内容</v>
      </c>
      <c r="B338" s="87" t="s">
        <v>16</v>
      </c>
      <c r="C338" s="88"/>
      <c r="D338" s="91"/>
      <c r="E338" s="91"/>
      <c r="F338" s="91"/>
      <c r="G338" s="91"/>
      <c r="H338" s="91"/>
      <c r="I338" s="93"/>
    </row>
    <row r="339" spans="1:9" x14ac:dyDescent="0.2">
      <c r="A339" s="86"/>
      <c r="B339" s="89"/>
      <c r="C339" s="90"/>
      <c r="D339" s="92"/>
      <c r="E339" s="92"/>
      <c r="F339" s="92"/>
      <c r="G339" s="92"/>
      <c r="H339" s="92"/>
      <c r="I339" s="94"/>
    </row>
    <row r="340" spans="1:9" x14ac:dyDescent="0.2">
      <c r="A340" s="38" t="str">
        <f>IF(B337="","","（備考）")</f>
        <v>（備考）</v>
      </c>
      <c r="B340" s="172" t="s">
        <v>127</v>
      </c>
      <c r="C340" s="173"/>
      <c r="D340" s="97"/>
      <c r="E340" s="97"/>
      <c r="F340" s="97"/>
      <c r="G340" s="97"/>
      <c r="H340" s="97"/>
      <c r="I340" s="98"/>
    </row>
    <row r="341" spans="1:9" x14ac:dyDescent="0.2">
      <c r="A341" s="37" t="str">
        <f>IF(B337="","","連絡先")</f>
        <v>連絡先</v>
      </c>
      <c r="B341" s="43" t="s">
        <v>128</v>
      </c>
      <c r="C341" s="44"/>
      <c r="D341" s="48" t="s">
        <v>106</v>
      </c>
      <c r="E341" s="44"/>
      <c r="F341" s="44"/>
      <c r="G341" s="44"/>
      <c r="H341" s="44"/>
      <c r="I341" s="45"/>
    </row>
    <row r="342" spans="1:9" x14ac:dyDescent="0.2">
      <c r="A342" s="99" t="str">
        <f>IF(B337="","","URL")</f>
        <v>URL</v>
      </c>
      <c r="B342" s="101" t="s">
        <v>397</v>
      </c>
      <c r="C342" s="101"/>
      <c r="D342" s="101"/>
      <c r="E342" s="101"/>
      <c r="F342" s="101"/>
      <c r="G342" s="101"/>
      <c r="H342" s="101"/>
      <c r="I342" s="101"/>
    </row>
    <row r="343" spans="1:9" x14ac:dyDescent="0.2">
      <c r="A343" s="100"/>
      <c r="B343" s="102"/>
      <c r="C343" s="103"/>
      <c r="D343" s="103"/>
      <c r="E343" s="103"/>
      <c r="F343" s="103"/>
      <c r="G343" s="103"/>
      <c r="H343" s="103"/>
      <c r="I343" s="104"/>
    </row>
    <row r="346" spans="1:9" x14ac:dyDescent="0.2">
      <c r="A346" s="37" t="str">
        <f>IF(B346="","","名称")</f>
        <v>名称</v>
      </c>
      <c r="B346" s="84" t="s">
        <v>486</v>
      </c>
      <c r="C346" s="84"/>
      <c r="D346" s="84"/>
      <c r="E346" s="84"/>
      <c r="F346" s="84"/>
      <c r="G346" s="84"/>
      <c r="H346" s="84"/>
      <c r="I346" s="84"/>
    </row>
    <row r="347" spans="1:9" x14ac:dyDescent="0.2">
      <c r="A347" s="85" t="str">
        <f>IF(B346="","","内容")</f>
        <v>内容</v>
      </c>
      <c r="B347" s="87" t="s">
        <v>97</v>
      </c>
      <c r="C347" s="88"/>
      <c r="D347" s="91"/>
      <c r="E347" s="91"/>
      <c r="F347" s="91"/>
      <c r="G347" s="91"/>
      <c r="H347" s="91"/>
      <c r="I347" s="93"/>
    </row>
    <row r="348" spans="1:9" x14ac:dyDescent="0.2">
      <c r="A348" s="86"/>
      <c r="B348" s="89"/>
      <c r="C348" s="90"/>
      <c r="D348" s="92"/>
      <c r="E348" s="92"/>
      <c r="F348" s="92"/>
      <c r="G348" s="92"/>
      <c r="H348" s="92"/>
      <c r="I348" s="94"/>
    </row>
    <row r="349" spans="1:9" x14ac:dyDescent="0.2">
      <c r="A349" s="38" t="str">
        <f>IF(B346="","","（備考）")</f>
        <v>（備考）</v>
      </c>
      <c r="B349" s="95"/>
      <c r="C349" s="96"/>
      <c r="D349" s="97"/>
      <c r="E349" s="97"/>
      <c r="F349" s="97"/>
      <c r="G349" s="97"/>
      <c r="H349" s="97"/>
      <c r="I349" s="98"/>
    </row>
    <row r="350" spans="1:9" x14ac:dyDescent="0.2">
      <c r="A350" s="37" t="str">
        <f>IF(B346="","","連絡先")</f>
        <v>連絡先</v>
      </c>
      <c r="B350" s="71" t="s">
        <v>488</v>
      </c>
      <c r="C350" s="44"/>
      <c r="D350" s="48"/>
      <c r="E350" s="44"/>
      <c r="F350" s="44"/>
      <c r="G350" s="44"/>
      <c r="H350" s="44"/>
      <c r="I350" s="45"/>
    </row>
    <row r="351" spans="1:9" x14ac:dyDescent="0.2">
      <c r="A351" s="99" t="str">
        <f>IF(B346="","","URL")</f>
        <v>URL</v>
      </c>
      <c r="B351" s="149" t="s">
        <v>489</v>
      </c>
      <c r="C351" s="149"/>
      <c r="D351" s="149"/>
      <c r="E351" s="149"/>
      <c r="F351" s="149"/>
      <c r="G351" s="149"/>
      <c r="H351" s="149"/>
      <c r="I351" s="149"/>
    </row>
    <row r="352" spans="1:9" x14ac:dyDescent="0.2">
      <c r="A352" s="100"/>
      <c r="B352" s="161"/>
      <c r="C352" s="162"/>
      <c r="D352" s="162"/>
      <c r="E352" s="162"/>
      <c r="F352" s="162"/>
      <c r="G352" s="162"/>
      <c r="H352" s="162"/>
      <c r="I352" s="163"/>
    </row>
    <row r="355" spans="1:9" ht="13.5" customHeight="1" x14ac:dyDescent="0.2">
      <c r="A355" s="107" t="s">
        <v>129</v>
      </c>
      <c r="B355" s="107"/>
      <c r="C355" s="107"/>
      <c r="D355" s="107"/>
      <c r="E355" s="107"/>
      <c r="F355" s="107"/>
      <c r="G355" s="107"/>
      <c r="H355" s="107"/>
      <c r="I355" s="107"/>
    </row>
    <row r="356" spans="1:9" ht="13.5" customHeight="1" x14ac:dyDescent="0.2">
      <c r="A356" s="107"/>
      <c r="B356" s="107"/>
      <c r="C356" s="107"/>
      <c r="D356" s="107"/>
      <c r="E356" s="107"/>
      <c r="F356" s="107"/>
      <c r="G356" s="107"/>
      <c r="H356" s="107"/>
      <c r="I356" s="107"/>
    </row>
    <row r="359" spans="1:9" x14ac:dyDescent="0.2">
      <c r="A359" s="37" t="str">
        <f>IF(B359="","","名称")</f>
        <v>名称</v>
      </c>
      <c r="B359" s="84" t="s">
        <v>433</v>
      </c>
      <c r="C359" s="84"/>
      <c r="D359" s="84"/>
      <c r="E359" s="84"/>
      <c r="F359" s="84"/>
      <c r="G359" s="84"/>
      <c r="H359" s="84"/>
      <c r="I359" s="84"/>
    </row>
    <row r="360" spans="1:9" x14ac:dyDescent="0.2">
      <c r="A360" s="85" t="str">
        <f>IF(B359="","","内容")</f>
        <v>内容</v>
      </c>
      <c r="B360" s="87" t="s">
        <v>13</v>
      </c>
      <c r="C360" s="88"/>
      <c r="D360" s="91"/>
      <c r="E360" s="91"/>
      <c r="F360" s="91"/>
      <c r="G360" s="91"/>
      <c r="H360" s="91"/>
      <c r="I360" s="93"/>
    </row>
    <row r="361" spans="1:9" x14ac:dyDescent="0.2">
      <c r="A361" s="86"/>
      <c r="B361" s="89"/>
      <c r="C361" s="90"/>
      <c r="D361" s="92"/>
      <c r="E361" s="92"/>
      <c r="F361" s="92"/>
      <c r="G361" s="92"/>
      <c r="H361" s="92"/>
      <c r="I361" s="94"/>
    </row>
    <row r="362" spans="1:9" x14ac:dyDescent="0.2">
      <c r="A362" s="38" t="str">
        <f>IF(B359="","","（備考）")</f>
        <v>（備考）</v>
      </c>
      <c r="B362" s="108"/>
      <c r="C362" s="109"/>
      <c r="D362" s="97"/>
      <c r="E362" s="97"/>
      <c r="F362" s="97"/>
      <c r="G362" s="97"/>
      <c r="H362" s="97"/>
      <c r="I362" s="98"/>
    </row>
    <row r="363" spans="1:9" x14ac:dyDescent="0.2">
      <c r="A363" s="37" t="str">
        <f>IF(B359="","","連絡先")</f>
        <v>連絡先</v>
      </c>
      <c r="B363" s="43" t="s">
        <v>375</v>
      </c>
      <c r="C363" s="44"/>
      <c r="D363" s="48" t="s">
        <v>106</v>
      </c>
      <c r="E363" s="44"/>
      <c r="F363" s="44"/>
      <c r="G363" s="44"/>
      <c r="H363" s="44"/>
      <c r="I363" s="45"/>
    </row>
    <row r="364" spans="1:9" x14ac:dyDescent="0.2">
      <c r="A364" s="99" t="str">
        <f>IF(B359="","","URL")</f>
        <v>URL</v>
      </c>
      <c r="B364" s="101" t="s">
        <v>434</v>
      </c>
      <c r="C364" s="101"/>
      <c r="D364" s="101"/>
      <c r="E364" s="101"/>
      <c r="F364" s="101"/>
      <c r="G364" s="101"/>
      <c r="H364" s="101"/>
      <c r="I364" s="101"/>
    </row>
    <row r="365" spans="1:9" x14ac:dyDescent="0.2">
      <c r="A365" s="100"/>
      <c r="B365" s="102"/>
      <c r="C365" s="103"/>
      <c r="D365" s="103"/>
      <c r="E365" s="103"/>
      <c r="F365" s="103"/>
      <c r="G365" s="103"/>
      <c r="H365" s="103"/>
      <c r="I365" s="104"/>
    </row>
    <row r="368" spans="1:9" x14ac:dyDescent="0.2">
      <c r="A368" s="37" t="str">
        <f>IF(B368="","","名称")</f>
        <v>名称</v>
      </c>
      <c r="B368" s="84" t="s">
        <v>373</v>
      </c>
      <c r="C368" s="84"/>
      <c r="D368" s="84"/>
      <c r="E368" s="84"/>
      <c r="F368" s="84"/>
      <c r="G368" s="84"/>
      <c r="H368" s="84"/>
      <c r="I368" s="84"/>
    </row>
    <row r="369" spans="1:9" x14ac:dyDescent="0.2">
      <c r="A369" s="85" t="str">
        <f>IF(B368="","","内容")</f>
        <v>内容</v>
      </c>
      <c r="B369" s="87" t="s">
        <v>111</v>
      </c>
      <c r="C369" s="88"/>
      <c r="D369" s="91"/>
      <c r="E369" s="91"/>
      <c r="F369" s="91"/>
      <c r="G369" s="91"/>
      <c r="H369" s="91"/>
      <c r="I369" s="93"/>
    </row>
    <row r="370" spans="1:9" x14ac:dyDescent="0.2">
      <c r="A370" s="86"/>
      <c r="B370" s="89"/>
      <c r="C370" s="90"/>
      <c r="D370" s="92"/>
      <c r="E370" s="92"/>
      <c r="F370" s="92"/>
      <c r="G370" s="92"/>
      <c r="H370" s="92"/>
      <c r="I370" s="94"/>
    </row>
    <row r="371" spans="1:9" x14ac:dyDescent="0.2">
      <c r="A371" s="38" t="str">
        <f>IF(B368="","","（備考）")</f>
        <v>（備考）</v>
      </c>
      <c r="B371" s="95" t="s">
        <v>130</v>
      </c>
      <c r="C371" s="96"/>
      <c r="D371" s="97"/>
      <c r="E371" s="97"/>
      <c r="F371" s="97"/>
      <c r="G371" s="97"/>
      <c r="H371" s="97"/>
      <c r="I371" s="98"/>
    </row>
    <row r="372" spans="1:9" x14ac:dyDescent="0.2">
      <c r="A372" s="37" t="str">
        <f>IF(B368="","","連絡先")</f>
        <v>連絡先</v>
      </c>
      <c r="B372" s="43" t="s">
        <v>131</v>
      </c>
      <c r="C372" s="44"/>
      <c r="D372" s="48" t="s">
        <v>106</v>
      </c>
      <c r="E372" s="44"/>
      <c r="F372" s="44"/>
      <c r="G372" s="44"/>
      <c r="H372" s="44"/>
      <c r="I372" s="45"/>
    </row>
    <row r="373" spans="1:9" x14ac:dyDescent="0.2">
      <c r="A373" s="99" t="str">
        <f>IF(B368="","","URL")</f>
        <v>URL</v>
      </c>
      <c r="B373" s="101" t="s">
        <v>374</v>
      </c>
      <c r="C373" s="101"/>
      <c r="D373" s="101"/>
      <c r="E373" s="101"/>
      <c r="F373" s="101"/>
      <c r="G373" s="101"/>
      <c r="H373" s="101"/>
      <c r="I373" s="101"/>
    </row>
    <row r="374" spans="1:9" x14ac:dyDescent="0.2">
      <c r="A374" s="100"/>
      <c r="B374" s="102"/>
      <c r="C374" s="103"/>
      <c r="D374" s="103"/>
      <c r="E374" s="103"/>
      <c r="F374" s="103"/>
      <c r="G374" s="103"/>
      <c r="H374" s="103"/>
      <c r="I374" s="104"/>
    </row>
    <row r="377" spans="1:9" x14ac:dyDescent="0.2">
      <c r="A377" s="37" t="str">
        <f>IF(B377="","","名称")</f>
        <v>名称</v>
      </c>
      <c r="B377" s="84" t="s">
        <v>132</v>
      </c>
      <c r="C377" s="84"/>
      <c r="D377" s="84"/>
      <c r="E377" s="84"/>
      <c r="F377" s="84"/>
      <c r="G377" s="84"/>
      <c r="H377" s="84"/>
      <c r="I377" s="84"/>
    </row>
    <row r="378" spans="1:9" x14ac:dyDescent="0.2">
      <c r="A378" s="85" t="str">
        <f>IF(B377="","","内容")</f>
        <v>内容</v>
      </c>
      <c r="B378" s="87" t="s">
        <v>122</v>
      </c>
      <c r="C378" s="88"/>
      <c r="D378" s="91"/>
      <c r="E378" s="91"/>
      <c r="F378" s="91"/>
      <c r="G378" s="91"/>
      <c r="H378" s="91"/>
      <c r="I378" s="93"/>
    </row>
    <row r="379" spans="1:9" x14ac:dyDescent="0.2">
      <c r="A379" s="86"/>
      <c r="B379" s="89"/>
      <c r="C379" s="90"/>
      <c r="D379" s="92"/>
      <c r="E379" s="92"/>
      <c r="F379" s="92"/>
      <c r="G379" s="92"/>
      <c r="H379" s="92"/>
      <c r="I379" s="94"/>
    </row>
    <row r="380" spans="1:9" x14ac:dyDescent="0.2">
      <c r="A380" s="38" t="str">
        <f>IF(B377="","","（備考）")</f>
        <v>（備考）</v>
      </c>
      <c r="B380" s="172" t="s">
        <v>435</v>
      </c>
      <c r="C380" s="173"/>
      <c r="D380" s="97"/>
      <c r="E380" s="97"/>
      <c r="F380" s="97"/>
      <c r="G380" s="97"/>
      <c r="H380" s="97"/>
      <c r="I380" s="98"/>
    </row>
    <row r="381" spans="1:9" x14ac:dyDescent="0.2">
      <c r="A381" s="37" t="str">
        <f>IF(B377="","","連絡先")</f>
        <v>連絡先</v>
      </c>
      <c r="B381" s="43" t="s">
        <v>133</v>
      </c>
      <c r="C381" s="44"/>
      <c r="D381" s="48" t="s">
        <v>106</v>
      </c>
      <c r="E381" s="44"/>
      <c r="F381" s="44"/>
      <c r="G381" s="44"/>
      <c r="H381" s="44"/>
      <c r="I381" s="45"/>
    </row>
    <row r="382" spans="1:9" x14ac:dyDescent="0.2">
      <c r="A382" s="99" t="str">
        <f>IF(B377="","","URL")</f>
        <v>URL</v>
      </c>
      <c r="B382" s="101" t="s">
        <v>134</v>
      </c>
      <c r="C382" s="101"/>
      <c r="D382" s="101"/>
      <c r="E382" s="101"/>
      <c r="F382" s="101"/>
      <c r="G382" s="101"/>
      <c r="H382" s="101"/>
      <c r="I382" s="101"/>
    </row>
    <row r="383" spans="1:9" x14ac:dyDescent="0.2">
      <c r="A383" s="100"/>
      <c r="B383" s="102"/>
      <c r="C383" s="103"/>
      <c r="D383" s="103"/>
      <c r="E383" s="103"/>
      <c r="F383" s="103"/>
      <c r="G383" s="103"/>
      <c r="H383" s="103"/>
      <c r="I383" s="104"/>
    </row>
    <row r="386" spans="1:9" x14ac:dyDescent="0.2">
      <c r="A386" s="37" t="str">
        <f>IF(B386="","","名称")</f>
        <v>名称</v>
      </c>
      <c r="B386" s="84" t="s">
        <v>436</v>
      </c>
      <c r="C386" s="84"/>
      <c r="D386" s="84"/>
      <c r="E386" s="84"/>
      <c r="F386" s="84"/>
      <c r="G386" s="84"/>
      <c r="H386" s="84"/>
      <c r="I386" s="84"/>
    </row>
    <row r="387" spans="1:9" x14ac:dyDescent="0.2">
      <c r="A387" s="85" t="str">
        <f>IF(B386="","","内容")</f>
        <v>内容</v>
      </c>
      <c r="B387" s="87" t="s">
        <v>120</v>
      </c>
      <c r="C387" s="88"/>
      <c r="D387" s="91"/>
      <c r="E387" s="91"/>
      <c r="F387" s="91"/>
      <c r="G387" s="91"/>
      <c r="H387" s="91"/>
      <c r="I387" s="93"/>
    </row>
    <row r="388" spans="1:9" x14ac:dyDescent="0.2">
      <c r="A388" s="86"/>
      <c r="B388" s="89"/>
      <c r="C388" s="90"/>
      <c r="D388" s="92"/>
      <c r="E388" s="92"/>
      <c r="F388" s="92"/>
      <c r="G388" s="92"/>
      <c r="H388" s="92"/>
      <c r="I388" s="94"/>
    </row>
    <row r="389" spans="1:9" x14ac:dyDescent="0.2">
      <c r="A389" s="38" t="str">
        <f>IF(B386="","","（備考）")</f>
        <v>（備考）</v>
      </c>
      <c r="B389" s="174"/>
      <c r="C389" s="175"/>
      <c r="D389" s="97"/>
      <c r="E389" s="97"/>
      <c r="F389" s="97"/>
      <c r="G389" s="97"/>
      <c r="H389" s="97"/>
      <c r="I389" s="98"/>
    </row>
    <row r="390" spans="1:9" x14ac:dyDescent="0.2">
      <c r="A390" s="37" t="str">
        <f>IF(B386="","","連絡先")</f>
        <v>連絡先</v>
      </c>
      <c r="B390" s="43" t="s">
        <v>135</v>
      </c>
      <c r="C390" s="44"/>
      <c r="D390" s="48" t="s">
        <v>106</v>
      </c>
      <c r="E390" s="44"/>
      <c r="F390" s="44"/>
      <c r="G390" s="44"/>
      <c r="H390" s="44"/>
      <c r="I390" s="45"/>
    </row>
    <row r="391" spans="1:9" x14ac:dyDescent="0.2">
      <c r="A391" s="99" t="str">
        <f>IF(B386="","","URL")</f>
        <v>URL</v>
      </c>
      <c r="B391" s="101" t="s">
        <v>437</v>
      </c>
      <c r="C391" s="101"/>
      <c r="D391" s="101"/>
      <c r="E391" s="101"/>
      <c r="F391" s="101"/>
      <c r="G391" s="101"/>
      <c r="H391" s="101"/>
      <c r="I391" s="101"/>
    </row>
    <row r="392" spans="1:9" x14ac:dyDescent="0.2">
      <c r="A392" s="100"/>
      <c r="B392" s="102"/>
      <c r="C392" s="103"/>
      <c r="D392" s="103"/>
      <c r="E392" s="103"/>
      <c r="F392" s="103"/>
      <c r="G392" s="103"/>
      <c r="H392" s="103"/>
      <c r="I392" s="104"/>
    </row>
    <row r="395" spans="1:9" x14ac:dyDescent="0.2">
      <c r="A395" s="37" t="str">
        <f>IF(B395="","","名称")</f>
        <v>名称</v>
      </c>
      <c r="B395" s="84" t="s">
        <v>531</v>
      </c>
      <c r="C395" s="84"/>
      <c r="D395" s="84"/>
      <c r="E395" s="84"/>
      <c r="F395" s="84"/>
      <c r="G395" s="84"/>
      <c r="H395" s="84"/>
      <c r="I395" s="84"/>
    </row>
    <row r="396" spans="1:9" x14ac:dyDescent="0.2">
      <c r="A396" s="85" t="str">
        <f>IF(B395="","","内容")</f>
        <v>内容</v>
      </c>
      <c r="B396" s="87" t="s">
        <v>120</v>
      </c>
      <c r="C396" s="88"/>
      <c r="D396" s="91"/>
      <c r="E396" s="91"/>
      <c r="F396" s="91"/>
      <c r="G396" s="91"/>
      <c r="H396" s="91"/>
      <c r="I396" s="93"/>
    </row>
    <row r="397" spans="1:9" x14ac:dyDescent="0.2">
      <c r="A397" s="86"/>
      <c r="B397" s="89"/>
      <c r="C397" s="90"/>
      <c r="D397" s="92"/>
      <c r="E397" s="92"/>
      <c r="F397" s="92"/>
      <c r="G397" s="92"/>
      <c r="H397" s="92"/>
      <c r="I397" s="94"/>
    </row>
    <row r="398" spans="1:9" x14ac:dyDescent="0.2">
      <c r="A398" s="38" t="str">
        <f>IF(B395="","","（備考）")</f>
        <v>（備考）</v>
      </c>
      <c r="B398" s="174"/>
      <c r="C398" s="175"/>
      <c r="D398" s="97"/>
      <c r="E398" s="97"/>
      <c r="F398" s="97"/>
      <c r="G398" s="97"/>
      <c r="H398" s="97"/>
      <c r="I398" s="98"/>
    </row>
    <row r="399" spans="1:9" x14ac:dyDescent="0.2">
      <c r="A399" s="37" t="str">
        <f>IF(B395="","","連絡先")</f>
        <v>連絡先</v>
      </c>
      <c r="B399" s="60" t="s">
        <v>376</v>
      </c>
      <c r="C399" s="44"/>
      <c r="D399" s="46"/>
      <c r="E399" s="46"/>
      <c r="F399" s="44"/>
      <c r="G399" s="44"/>
      <c r="H399" s="44"/>
      <c r="I399" s="44"/>
    </row>
    <row r="400" spans="1:9" x14ac:dyDescent="0.2">
      <c r="A400" s="99" t="str">
        <f>IF(B395="","","URL")</f>
        <v>URL</v>
      </c>
      <c r="B400" s="101" t="s">
        <v>437</v>
      </c>
      <c r="C400" s="101"/>
      <c r="D400" s="101"/>
      <c r="E400" s="101"/>
      <c r="F400" s="101"/>
      <c r="G400" s="101"/>
      <c r="H400" s="101"/>
      <c r="I400" s="101"/>
    </row>
    <row r="401" spans="1:9" x14ac:dyDescent="0.2">
      <c r="A401" s="100"/>
      <c r="B401" s="102"/>
      <c r="C401" s="103"/>
      <c r="D401" s="103"/>
      <c r="E401" s="103"/>
      <c r="F401" s="103"/>
      <c r="G401" s="103"/>
      <c r="H401" s="103"/>
      <c r="I401" s="104"/>
    </row>
    <row r="404" spans="1:9" x14ac:dyDescent="0.2">
      <c r="A404" s="37" t="str">
        <f>IF(B404="","","名称")</f>
        <v>名称</v>
      </c>
      <c r="B404" s="84" t="s">
        <v>136</v>
      </c>
      <c r="C404" s="84"/>
      <c r="D404" s="84"/>
      <c r="E404" s="84"/>
      <c r="F404" s="84"/>
      <c r="G404" s="84"/>
      <c r="H404" s="84"/>
      <c r="I404" s="84"/>
    </row>
    <row r="405" spans="1:9" x14ac:dyDescent="0.2">
      <c r="A405" s="85" t="str">
        <f>IF(B404="","","内容")</f>
        <v>内容</v>
      </c>
      <c r="B405" s="87" t="s">
        <v>137</v>
      </c>
      <c r="C405" s="88"/>
      <c r="D405" s="91"/>
      <c r="E405" s="91"/>
      <c r="F405" s="91"/>
      <c r="G405" s="91"/>
      <c r="H405" s="91"/>
      <c r="I405" s="93"/>
    </row>
    <row r="406" spans="1:9" x14ac:dyDescent="0.2">
      <c r="A406" s="86"/>
      <c r="B406" s="89"/>
      <c r="C406" s="90"/>
      <c r="D406" s="92"/>
      <c r="E406" s="92"/>
      <c r="F406" s="92"/>
      <c r="G406" s="92"/>
      <c r="H406" s="92"/>
      <c r="I406" s="94"/>
    </row>
    <row r="407" spans="1:9" x14ac:dyDescent="0.2">
      <c r="A407" s="38" t="str">
        <f>IF(B404="","","（備考）")</f>
        <v>（備考）</v>
      </c>
      <c r="B407" s="95"/>
      <c r="C407" s="96"/>
      <c r="D407" s="97"/>
      <c r="E407" s="97"/>
      <c r="F407" s="97"/>
      <c r="G407" s="97"/>
      <c r="H407" s="97"/>
      <c r="I407" s="98"/>
    </row>
    <row r="408" spans="1:9" x14ac:dyDescent="0.2">
      <c r="A408" s="37" t="str">
        <f>IF(B404="","","連絡先")</f>
        <v>連絡先</v>
      </c>
      <c r="B408" s="43" t="s">
        <v>138</v>
      </c>
      <c r="C408" s="44"/>
      <c r="D408" s="48" t="s">
        <v>139</v>
      </c>
      <c r="E408" s="46"/>
      <c r="F408" s="44"/>
      <c r="G408" s="44"/>
      <c r="H408" s="44"/>
      <c r="I408" s="45"/>
    </row>
    <row r="409" spans="1:9" x14ac:dyDescent="0.2">
      <c r="A409" s="99" t="str">
        <f>IF(B404="","","URL")</f>
        <v>URL</v>
      </c>
      <c r="B409" s="176" t="s">
        <v>140</v>
      </c>
      <c r="C409" s="177"/>
      <c r="D409" s="177"/>
      <c r="E409" s="177"/>
      <c r="F409" s="177"/>
      <c r="G409" s="177"/>
      <c r="H409" s="177"/>
      <c r="I409" s="178"/>
    </row>
    <row r="410" spans="1:9" x14ac:dyDescent="0.2">
      <c r="A410" s="100"/>
      <c r="B410" s="179"/>
      <c r="C410" s="180"/>
      <c r="D410" s="180"/>
      <c r="E410" s="180"/>
      <c r="F410" s="180"/>
      <c r="G410" s="180"/>
      <c r="H410" s="180"/>
      <c r="I410" s="181"/>
    </row>
    <row r="414" spans="1:9" ht="13.5" customHeight="1" x14ac:dyDescent="0.2">
      <c r="A414" s="182"/>
      <c r="B414" s="182"/>
      <c r="C414" s="182"/>
      <c r="D414" s="182"/>
      <c r="E414" s="182"/>
      <c r="F414" s="182"/>
      <c r="G414" s="182"/>
      <c r="H414" s="182"/>
      <c r="I414" s="182"/>
    </row>
    <row r="415" spans="1:9" ht="13.5" customHeight="1" x14ac:dyDescent="0.2">
      <c r="A415" s="182"/>
      <c r="B415" s="182"/>
      <c r="C415" s="182"/>
      <c r="D415" s="182"/>
      <c r="E415" s="182"/>
      <c r="F415" s="182"/>
      <c r="G415" s="182"/>
      <c r="H415" s="182"/>
      <c r="I415" s="182"/>
    </row>
    <row r="418" spans="1:9" x14ac:dyDescent="0.2">
      <c r="A418" s="37" t="str">
        <f>IF(B418="","","名称")</f>
        <v>名称</v>
      </c>
      <c r="B418" s="84" t="s">
        <v>141</v>
      </c>
      <c r="C418" s="84"/>
      <c r="D418" s="84"/>
      <c r="E418" s="84"/>
      <c r="F418" s="84"/>
      <c r="G418" s="84"/>
      <c r="H418" s="84"/>
      <c r="I418" s="84"/>
    </row>
    <row r="419" spans="1:9" x14ac:dyDescent="0.2">
      <c r="A419" s="85" t="str">
        <f>IF(B418="","","内容")</f>
        <v>内容</v>
      </c>
      <c r="B419" s="87" t="s">
        <v>142</v>
      </c>
      <c r="C419" s="88"/>
      <c r="D419" s="91"/>
      <c r="E419" s="91"/>
      <c r="F419" s="91"/>
      <c r="G419" s="91"/>
      <c r="H419" s="91"/>
      <c r="I419" s="93"/>
    </row>
    <row r="420" spans="1:9" x14ac:dyDescent="0.2">
      <c r="A420" s="86"/>
      <c r="B420" s="89"/>
      <c r="C420" s="90"/>
      <c r="D420" s="92"/>
      <c r="E420" s="92"/>
      <c r="F420" s="92"/>
      <c r="G420" s="92"/>
      <c r="H420" s="92"/>
      <c r="I420" s="94"/>
    </row>
    <row r="421" spans="1:9" x14ac:dyDescent="0.2">
      <c r="A421" s="38" t="str">
        <f>IF(B418="","","（備考）")</f>
        <v>（備考）</v>
      </c>
      <c r="B421" s="95" t="s">
        <v>143</v>
      </c>
      <c r="C421" s="96"/>
      <c r="D421" s="97"/>
      <c r="E421" s="97"/>
      <c r="F421" s="97"/>
      <c r="G421" s="97"/>
      <c r="H421" s="97"/>
      <c r="I421" s="98"/>
    </row>
    <row r="422" spans="1:9" x14ac:dyDescent="0.2">
      <c r="A422" s="37" t="str">
        <f>IF(B418="","","連絡先")</f>
        <v>連絡先</v>
      </c>
      <c r="B422" s="42" t="s">
        <v>144</v>
      </c>
      <c r="C422" s="40"/>
      <c r="D422" s="40"/>
      <c r="E422" s="40"/>
      <c r="F422" s="40"/>
      <c r="G422" s="40"/>
      <c r="H422" s="40"/>
      <c r="I422" s="41"/>
    </row>
    <row r="423" spans="1:9" x14ac:dyDescent="0.2">
      <c r="A423" s="99" t="str">
        <f>IF(B418="","","URL")</f>
        <v>URL</v>
      </c>
      <c r="B423" s="101" t="s">
        <v>145</v>
      </c>
      <c r="C423" s="101"/>
      <c r="D423" s="101"/>
      <c r="E423" s="101"/>
      <c r="F423" s="101"/>
      <c r="G423" s="101"/>
      <c r="H423" s="101"/>
      <c r="I423" s="101"/>
    </row>
    <row r="424" spans="1:9" x14ac:dyDescent="0.2">
      <c r="A424" s="100"/>
      <c r="B424" s="102"/>
      <c r="C424" s="103"/>
      <c r="D424" s="103"/>
      <c r="E424" s="103"/>
      <c r="F424" s="103"/>
      <c r="G424" s="103"/>
      <c r="H424" s="103"/>
      <c r="I424" s="104"/>
    </row>
    <row r="427" spans="1:9" x14ac:dyDescent="0.2">
      <c r="A427" s="37"/>
      <c r="B427" s="84"/>
      <c r="C427" s="84"/>
      <c r="D427" s="84"/>
      <c r="E427" s="84"/>
      <c r="F427" s="84"/>
      <c r="G427" s="84"/>
      <c r="H427" s="84"/>
      <c r="I427" s="84"/>
    </row>
    <row r="428" spans="1:9" x14ac:dyDescent="0.2">
      <c r="A428" s="85"/>
      <c r="B428" s="87"/>
      <c r="C428" s="88"/>
      <c r="D428" s="91"/>
      <c r="E428" s="91"/>
      <c r="F428" s="91"/>
      <c r="G428" s="91"/>
      <c r="H428" s="91"/>
      <c r="I428" s="93"/>
    </row>
    <row r="429" spans="1:9" x14ac:dyDescent="0.2">
      <c r="A429" s="86"/>
      <c r="B429" s="89"/>
      <c r="C429" s="90"/>
      <c r="D429" s="92"/>
      <c r="E429" s="92"/>
      <c r="F429" s="92"/>
      <c r="G429" s="92"/>
      <c r="H429" s="92"/>
      <c r="I429" s="94"/>
    </row>
    <row r="430" spans="1:9" x14ac:dyDescent="0.2">
      <c r="A430" s="38"/>
      <c r="B430" s="183"/>
      <c r="C430" s="155"/>
      <c r="D430" s="97"/>
      <c r="E430" s="97"/>
      <c r="F430" s="97"/>
      <c r="G430" s="97"/>
      <c r="H430" s="97"/>
      <c r="I430" s="98"/>
    </row>
    <row r="431" spans="1:9" x14ac:dyDescent="0.2">
      <c r="A431" s="37"/>
      <c r="B431" s="42"/>
      <c r="C431" s="40"/>
      <c r="D431" s="40"/>
      <c r="E431" s="40"/>
      <c r="F431" s="40"/>
      <c r="G431" s="40"/>
      <c r="H431" s="40"/>
      <c r="I431" s="41"/>
    </row>
    <row r="432" spans="1:9" x14ac:dyDescent="0.2">
      <c r="A432" s="99"/>
      <c r="B432" s="101"/>
      <c r="C432" s="101"/>
      <c r="D432" s="101"/>
      <c r="E432" s="101"/>
      <c r="F432" s="101"/>
      <c r="G432" s="101"/>
      <c r="H432" s="101"/>
      <c r="I432" s="101"/>
    </row>
    <row r="433" spans="1:9" x14ac:dyDescent="0.2">
      <c r="A433" s="100"/>
      <c r="B433" s="102"/>
      <c r="C433" s="103"/>
      <c r="D433" s="103"/>
      <c r="E433" s="103"/>
      <c r="F433" s="103"/>
      <c r="G433" s="103"/>
      <c r="H433" s="103"/>
      <c r="I433" s="104"/>
    </row>
    <row r="436" spans="1:9" x14ac:dyDescent="0.2">
      <c r="A436" s="37" t="str">
        <f>IF(B436="","","名称")</f>
        <v/>
      </c>
      <c r="B436" s="84"/>
      <c r="C436" s="84"/>
      <c r="D436" s="84"/>
      <c r="E436" s="84"/>
      <c r="F436" s="84"/>
      <c r="G436" s="84"/>
      <c r="H436" s="84"/>
      <c r="I436" s="84"/>
    </row>
    <row r="437" spans="1:9" x14ac:dyDescent="0.2">
      <c r="A437" s="85" t="str">
        <f>IF(B436="","","内容")</f>
        <v/>
      </c>
      <c r="B437" s="87"/>
      <c r="C437" s="88"/>
      <c r="D437" s="91"/>
      <c r="E437" s="91"/>
      <c r="F437" s="91"/>
      <c r="G437" s="91"/>
      <c r="H437" s="91"/>
      <c r="I437" s="93"/>
    </row>
    <row r="438" spans="1:9" x14ac:dyDescent="0.2">
      <c r="A438" s="86"/>
      <c r="B438" s="89"/>
      <c r="C438" s="90"/>
      <c r="D438" s="92"/>
      <c r="E438" s="92"/>
      <c r="F438" s="92"/>
      <c r="G438" s="92"/>
      <c r="H438" s="92"/>
      <c r="I438" s="94"/>
    </row>
    <row r="439" spans="1:9" x14ac:dyDescent="0.2">
      <c r="A439" s="38" t="str">
        <f>IF(B436="","","（備考）")</f>
        <v/>
      </c>
      <c r="B439" s="116"/>
      <c r="C439" s="97"/>
      <c r="D439" s="97"/>
      <c r="E439" s="97"/>
      <c r="F439" s="97"/>
      <c r="G439" s="97"/>
      <c r="H439" s="97"/>
      <c r="I439" s="98"/>
    </row>
    <row r="440" spans="1:9" x14ac:dyDescent="0.2">
      <c r="A440" s="37" t="str">
        <f>IF(B436="","","連絡先")</f>
        <v/>
      </c>
      <c r="B440" s="42"/>
      <c r="C440" s="40"/>
      <c r="D440" s="40"/>
      <c r="E440" s="40"/>
      <c r="F440" s="40"/>
      <c r="G440" s="40"/>
      <c r="H440" s="40"/>
      <c r="I440" s="41"/>
    </row>
    <row r="441" spans="1:9" x14ac:dyDescent="0.2">
      <c r="A441" s="99" t="str">
        <f>IF(B436="","","URL")</f>
        <v/>
      </c>
      <c r="B441" s="101"/>
      <c r="C441" s="101"/>
      <c r="D441" s="101"/>
      <c r="E441" s="101"/>
      <c r="F441" s="101"/>
      <c r="G441" s="101"/>
      <c r="H441" s="101"/>
      <c r="I441" s="101"/>
    </row>
    <row r="442" spans="1:9" x14ac:dyDescent="0.2">
      <c r="A442" s="100"/>
      <c r="B442" s="102"/>
      <c r="C442" s="103"/>
      <c r="D442" s="103"/>
      <c r="E442" s="103"/>
      <c r="F442" s="103"/>
      <c r="G442" s="103"/>
      <c r="H442" s="103"/>
      <c r="I442" s="104"/>
    </row>
    <row r="445" spans="1:9" x14ac:dyDescent="0.2">
      <c r="A445" s="37" t="str">
        <f>IF(B445="","","名称")</f>
        <v/>
      </c>
      <c r="B445" s="84"/>
      <c r="C445" s="84"/>
      <c r="D445" s="84"/>
      <c r="E445" s="84"/>
      <c r="F445" s="84"/>
      <c r="G445" s="84"/>
      <c r="H445" s="84"/>
      <c r="I445" s="84"/>
    </row>
    <row r="446" spans="1:9" x14ac:dyDescent="0.2">
      <c r="A446" s="85" t="str">
        <f>IF(B445="","","内容")</f>
        <v/>
      </c>
      <c r="B446" s="87"/>
      <c r="C446" s="88"/>
      <c r="D446" s="91"/>
      <c r="E446" s="91"/>
      <c r="F446" s="91"/>
      <c r="G446" s="91"/>
      <c r="H446" s="91"/>
      <c r="I446" s="93"/>
    </row>
    <row r="447" spans="1:9" x14ac:dyDescent="0.2">
      <c r="A447" s="86"/>
      <c r="B447" s="89"/>
      <c r="C447" s="90"/>
      <c r="D447" s="92"/>
      <c r="E447" s="92"/>
      <c r="F447" s="92"/>
      <c r="G447" s="92"/>
      <c r="H447" s="92"/>
      <c r="I447" s="94"/>
    </row>
    <row r="448" spans="1:9" x14ac:dyDescent="0.2">
      <c r="A448" s="38" t="str">
        <f>IF(B445="","","（備考）")</f>
        <v/>
      </c>
      <c r="B448" s="116"/>
      <c r="C448" s="97"/>
      <c r="D448" s="97"/>
      <c r="E448" s="97"/>
      <c r="F448" s="97"/>
      <c r="G448" s="97"/>
      <c r="H448" s="97"/>
      <c r="I448" s="98"/>
    </row>
    <row r="449" spans="1:9" x14ac:dyDescent="0.2">
      <c r="A449" s="37" t="str">
        <f>IF(B445="","","連絡先")</f>
        <v/>
      </c>
      <c r="B449" s="42"/>
      <c r="C449" s="40"/>
      <c r="D449" s="40"/>
      <c r="E449" s="40"/>
      <c r="F449" s="40"/>
      <c r="G449" s="40"/>
      <c r="H449" s="40"/>
      <c r="I449" s="41"/>
    </row>
    <row r="450" spans="1:9" x14ac:dyDescent="0.2">
      <c r="A450" s="99" t="str">
        <f>IF(B445="","","URL")</f>
        <v/>
      </c>
      <c r="B450" s="101"/>
      <c r="C450" s="101"/>
      <c r="D450" s="101"/>
      <c r="E450" s="101"/>
      <c r="F450" s="101"/>
      <c r="G450" s="101"/>
      <c r="H450" s="101"/>
      <c r="I450" s="101"/>
    </row>
    <row r="451" spans="1:9" x14ac:dyDescent="0.2">
      <c r="A451" s="100"/>
      <c r="B451" s="102"/>
      <c r="C451" s="103"/>
      <c r="D451" s="103"/>
      <c r="E451" s="103"/>
      <c r="F451" s="103"/>
      <c r="G451" s="103"/>
      <c r="H451" s="103"/>
      <c r="I451" s="104"/>
    </row>
    <row r="454" spans="1:9" x14ac:dyDescent="0.2">
      <c r="A454" s="37" t="str">
        <f>IF(B454="","","名称")</f>
        <v/>
      </c>
      <c r="B454" s="84"/>
      <c r="C454" s="84"/>
      <c r="D454" s="84"/>
      <c r="E454" s="84"/>
      <c r="F454" s="84"/>
      <c r="G454" s="84"/>
      <c r="H454" s="84"/>
      <c r="I454" s="84"/>
    </row>
    <row r="455" spans="1:9" x14ac:dyDescent="0.2">
      <c r="A455" s="85" t="str">
        <f>IF(B454="","","内容")</f>
        <v/>
      </c>
      <c r="B455" s="87"/>
      <c r="C455" s="88"/>
      <c r="D455" s="91"/>
      <c r="E455" s="91"/>
      <c r="F455" s="91"/>
      <c r="G455" s="91"/>
      <c r="H455" s="91"/>
      <c r="I455" s="93"/>
    </row>
    <row r="456" spans="1:9" x14ac:dyDescent="0.2">
      <c r="A456" s="86"/>
      <c r="B456" s="89"/>
      <c r="C456" s="90"/>
      <c r="D456" s="92"/>
      <c r="E456" s="92"/>
      <c r="F456" s="92"/>
      <c r="G456" s="92"/>
      <c r="H456" s="92"/>
      <c r="I456" s="94"/>
    </row>
    <row r="457" spans="1:9" x14ac:dyDescent="0.2">
      <c r="A457" s="38" t="str">
        <f>IF(B454="","","（備考）")</f>
        <v/>
      </c>
      <c r="B457" s="116"/>
      <c r="C457" s="97"/>
      <c r="D457" s="97"/>
      <c r="E457" s="97"/>
      <c r="F457" s="97"/>
      <c r="G457" s="97"/>
      <c r="H457" s="97"/>
      <c r="I457" s="98"/>
    </row>
    <row r="458" spans="1:9" x14ac:dyDescent="0.2">
      <c r="A458" s="37" t="str">
        <f>IF(B454="","","連絡先")</f>
        <v/>
      </c>
      <c r="B458" s="42"/>
      <c r="C458" s="40"/>
      <c r="D458" s="40"/>
      <c r="E458" s="40"/>
      <c r="F458" s="40"/>
      <c r="G458" s="40"/>
      <c r="H458" s="40"/>
      <c r="I458" s="41"/>
    </row>
    <row r="459" spans="1:9" x14ac:dyDescent="0.2">
      <c r="A459" s="99" t="str">
        <f>IF(B454="","","URL")</f>
        <v/>
      </c>
      <c r="B459" s="101"/>
      <c r="C459" s="101"/>
      <c r="D459" s="101"/>
      <c r="E459" s="101"/>
      <c r="F459" s="101"/>
      <c r="G459" s="101"/>
      <c r="H459" s="101"/>
      <c r="I459" s="101"/>
    </row>
    <row r="460" spans="1:9" x14ac:dyDescent="0.2">
      <c r="A460" s="100"/>
      <c r="B460" s="102"/>
      <c r="C460" s="103"/>
      <c r="D460" s="103"/>
      <c r="E460" s="103"/>
      <c r="F460" s="103"/>
      <c r="G460" s="103"/>
      <c r="H460" s="103"/>
      <c r="I460" s="104"/>
    </row>
    <row r="463" spans="1:9" x14ac:dyDescent="0.2">
      <c r="A463" s="37" t="str">
        <f>IF(B463="","","名称")</f>
        <v/>
      </c>
      <c r="B463" s="84"/>
      <c r="C463" s="84"/>
      <c r="D463" s="84"/>
      <c r="E463" s="84"/>
      <c r="F463" s="84"/>
      <c r="G463" s="84"/>
      <c r="H463" s="84"/>
      <c r="I463" s="84"/>
    </row>
    <row r="464" spans="1:9" x14ac:dyDescent="0.2">
      <c r="A464" s="85" t="str">
        <f>IF(B463="","","内容")</f>
        <v/>
      </c>
      <c r="B464" s="87"/>
      <c r="C464" s="88"/>
      <c r="D464" s="91"/>
      <c r="E464" s="91"/>
      <c r="F464" s="91"/>
      <c r="G464" s="91"/>
      <c r="H464" s="91"/>
      <c r="I464" s="93"/>
    </row>
    <row r="465" spans="1:9" x14ac:dyDescent="0.2">
      <c r="A465" s="86"/>
      <c r="B465" s="89"/>
      <c r="C465" s="90"/>
      <c r="D465" s="92"/>
      <c r="E465" s="92"/>
      <c r="F465" s="92"/>
      <c r="G465" s="92"/>
      <c r="H465" s="92"/>
      <c r="I465" s="94"/>
    </row>
    <row r="466" spans="1:9" x14ac:dyDescent="0.2">
      <c r="A466" s="38" t="str">
        <f>IF(B463="","","（備考）")</f>
        <v/>
      </c>
      <c r="B466" s="116"/>
      <c r="C466" s="97"/>
      <c r="D466" s="97"/>
      <c r="E466" s="97"/>
      <c r="F466" s="97"/>
      <c r="G466" s="97"/>
      <c r="H466" s="97"/>
      <c r="I466" s="98"/>
    </row>
    <row r="467" spans="1:9" x14ac:dyDescent="0.2">
      <c r="A467" s="37" t="str">
        <f>IF(B463="","","連絡先")</f>
        <v/>
      </c>
      <c r="B467" s="42"/>
      <c r="C467" s="40"/>
      <c r="D467" s="40"/>
      <c r="E467" s="40"/>
      <c r="F467" s="40"/>
      <c r="G467" s="40"/>
      <c r="H467" s="40"/>
      <c r="I467" s="41"/>
    </row>
    <row r="468" spans="1:9" x14ac:dyDescent="0.2">
      <c r="A468" s="99" t="str">
        <f>IF(B463="","","URL")</f>
        <v/>
      </c>
      <c r="B468" s="101"/>
      <c r="C468" s="101"/>
      <c r="D468" s="101"/>
      <c r="E468" s="101"/>
      <c r="F468" s="101"/>
      <c r="G468" s="101"/>
      <c r="H468" s="101"/>
      <c r="I468" s="101"/>
    </row>
    <row r="469" spans="1:9" x14ac:dyDescent="0.2">
      <c r="A469" s="100"/>
      <c r="B469" s="102"/>
      <c r="C469" s="103"/>
      <c r="D469" s="103"/>
      <c r="E469" s="103"/>
      <c r="F469" s="103"/>
      <c r="G469" s="103"/>
      <c r="H469" s="103"/>
      <c r="I469" s="104"/>
    </row>
    <row r="473" spans="1:9" ht="13.5" customHeight="1" x14ac:dyDescent="0.2">
      <c r="A473" s="107" t="s">
        <v>146</v>
      </c>
      <c r="B473" s="107"/>
      <c r="C473" s="107"/>
      <c r="D473" s="107"/>
      <c r="E473" s="107"/>
      <c r="F473" s="107"/>
      <c r="G473" s="107"/>
      <c r="H473" s="107"/>
      <c r="I473" s="107"/>
    </row>
    <row r="474" spans="1:9" ht="13.5" customHeight="1" x14ac:dyDescent="0.2">
      <c r="A474" s="107"/>
      <c r="B474" s="107"/>
      <c r="C474" s="107"/>
      <c r="D474" s="107"/>
      <c r="E474" s="107"/>
      <c r="F474" s="107"/>
      <c r="G474" s="107"/>
      <c r="H474" s="107"/>
      <c r="I474" s="107"/>
    </row>
    <row r="477" spans="1:9" x14ac:dyDescent="0.2">
      <c r="A477" s="37" t="str">
        <f>IF(B477="","","名称")</f>
        <v>名称</v>
      </c>
      <c r="B477" s="84" t="s">
        <v>147</v>
      </c>
      <c r="C477" s="84"/>
      <c r="D477" s="84"/>
      <c r="E477" s="84"/>
      <c r="F477" s="84"/>
      <c r="G477" s="84"/>
      <c r="H477" s="84"/>
      <c r="I477" s="84"/>
    </row>
    <row r="478" spans="1:9" x14ac:dyDescent="0.2">
      <c r="A478" s="85" t="str">
        <f>IF(B477="","","内容")</f>
        <v>内容</v>
      </c>
      <c r="B478" s="87" t="s">
        <v>111</v>
      </c>
      <c r="C478" s="88"/>
      <c r="D478" s="88" t="s">
        <v>148</v>
      </c>
      <c r="E478" s="88"/>
      <c r="F478" s="91"/>
      <c r="G478" s="91"/>
      <c r="H478" s="91"/>
      <c r="I478" s="93"/>
    </row>
    <row r="479" spans="1:9" x14ac:dyDescent="0.2">
      <c r="A479" s="86"/>
      <c r="B479" s="89"/>
      <c r="C479" s="90"/>
      <c r="D479" s="90"/>
      <c r="E479" s="90"/>
      <c r="F479" s="92"/>
      <c r="G479" s="92"/>
      <c r="H479" s="92"/>
      <c r="I479" s="94"/>
    </row>
    <row r="480" spans="1:9" x14ac:dyDescent="0.2">
      <c r="A480" s="38" t="str">
        <f>IF(B477="","","（備考）")</f>
        <v>（備考）</v>
      </c>
      <c r="B480" s="191" t="s">
        <v>149</v>
      </c>
      <c r="C480" s="192"/>
      <c r="D480" s="193" t="s">
        <v>150</v>
      </c>
      <c r="E480" s="193"/>
      <c r="F480" s="194"/>
      <c r="G480" s="194"/>
      <c r="H480" s="194"/>
      <c r="I480" s="195"/>
    </row>
    <row r="481" spans="1:9" x14ac:dyDescent="0.2">
      <c r="A481" s="37" t="str">
        <f>IF(B477="","","連絡先")</f>
        <v>連絡先</v>
      </c>
      <c r="B481" s="49" t="s">
        <v>151</v>
      </c>
      <c r="C481" s="50"/>
      <c r="D481" s="48" t="s">
        <v>106</v>
      </c>
      <c r="E481" s="50"/>
      <c r="F481" s="50"/>
      <c r="G481" s="50"/>
      <c r="H481" s="50"/>
      <c r="I481" s="51"/>
    </row>
    <row r="482" spans="1:9" x14ac:dyDescent="0.2">
      <c r="A482" s="99" t="str">
        <f>IF(B477="","","URL")</f>
        <v>URL</v>
      </c>
      <c r="B482" s="101" t="s">
        <v>394</v>
      </c>
      <c r="C482" s="101"/>
      <c r="D482" s="101"/>
      <c r="E482" s="101"/>
      <c r="F482" s="101"/>
      <c r="G482" s="101"/>
      <c r="H482" s="101"/>
      <c r="I482" s="101"/>
    </row>
    <row r="483" spans="1:9" x14ac:dyDescent="0.2">
      <c r="A483" s="100"/>
      <c r="B483" s="102"/>
      <c r="C483" s="103"/>
      <c r="D483" s="103"/>
      <c r="E483" s="103"/>
      <c r="F483" s="103"/>
      <c r="G483" s="103"/>
      <c r="H483" s="103"/>
      <c r="I483" s="104"/>
    </row>
    <row r="484" spans="1:9" x14ac:dyDescent="0.2">
      <c r="B484" s="52"/>
      <c r="C484" s="52"/>
      <c r="D484" s="52"/>
      <c r="E484" s="52"/>
      <c r="F484" s="52"/>
      <c r="G484" s="52"/>
      <c r="H484" s="52"/>
      <c r="I484" s="52"/>
    </row>
    <row r="485" spans="1:9" x14ac:dyDescent="0.2">
      <c r="B485" s="52"/>
      <c r="C485" s="52"/>
      <c r="D485" s="52"/>
      <c r="E485" s="52"/>
      <c r="F485" s="52"/>
      <c r="G485" s="52"/>
      <c r="H485" s="52"/>
      <c r="I485" s="52"/>
    </row>
    <row r="486" spans="1:9" x14ac:dyDescent="0.2">
      <c r="A486" s="37" t="str">
        <f>IF(B486="","","名称")</f>
        <v>名称</v>
      </c>
      <c r="B486" s="184" t="s">
        <v>152</v>
      </c>
      <c r="C486" s="184"/>
      <c r="D486" s="184"/>
      <c r="E486" s="184"/>
      <c r="F486" s="184"/>
      <c r="G486" s="184"/>
      <c r="H486" s="184"/>
      <c r="I486" s="184"/>
    </row>
    <row r="487" spans="1:9" x14ac:dyDescent="0.2">
      <c r="A487" s="85" t="str">
        <f>IF(B486="","","内容")</f>
        <v>内容</v>
      </c>
      <c r="B487" s="185" t="s">
        <v>109</v>
      </c>
      <c r="C487" s="186"/>
      <c r="D487" s="186"/>
      <c r="E487" s="186"/>
      <c r="F487" s="186"/>
      <c r="G487" s="186"/>
      <c r="H487" s="186"/>
      <c r="I487" s="189"/>
    </row>
    <row r="488" spans="1:9" x14ac:dyDescent="0.2">
      <c r="A488" s="86"/>
      <c r="B488" s="187"/>
      <c r="C488" s="188"/>
      <c r="D488" s="188"/>
      <c r="E488" s="188"/>
      <c r="F488" s="188"/>
      <c r="G488" s="188"/>
      <c r="H488" s="188"/>
      <c r="I488" s="190"/>
    </row>
    <row r="489" spans="1:9" x14ac:dyDescent="0.2">
      <c r="A489" s="38" t="str">
        <f>IF(B486="","","（備考）")</f>
        <v>（備考）</v>
      </c>
      <c r="B489" s="204" t="s">
        <v>153</v>
      </c>
      <c r="C489" s="193"/>
      <c r="D489" s="194"/>
      <c r="E489" s="194"/>
      <c r="F489" s="194"/>
      <c r="G489" s="194"/>
      <c r="H489" s="194"/>
      <c r="I489" s="195"/>
    </row>
    <row r="490" spans="1:9" x14ac:dyDescent="0.2">
      <c r="A490" s="37" t="str">
        <f>IF(B486="","","連絡先")</f>
        <v>連絡先</v>
      </c>
      <c r="B490" s="43" t="s">
        <v>154</v>
      </c>
      <c r="C490" s="44"/>
      <c r="D490" s="48" t="s">
        <v>106</v>
      </c>
      <c r="E490" s="44"/>
      <c r="F490" s="44"/>
      <c r="G490" s="44"/>
      <c r="H490" s="44"/>
      <c r="I490" s="45"/>
    </row>
    <row r="491" spans="1:9" x14ac:dyDescent="0.2">
      <c r="A491" s="99" t="str">
        <f>IF(B486="","","URL")</f>
        <v>URL</v>
      </c>
      <c r="B491" s="101" t="s">
        <v>155</v>
      </c>
      <c r="C491" s="200"/>
      <c r="D491" s="200"/>
      <c r="E491" s="200"/>
      <c r="F491" s="200"/>
      <c r="G491" s="200"/>
      <c r="H491" s="200"/>
      <c r="I491" s="200"/>
    </row>
    <row r="492" spans="1:9" x14ac:dyDescent="0.2">
      <c r="A492" s="100"/>
      <c r="B492" s="201"/>
      <c r="C492" s="202"/>
      <c r="D492" s="202"/>
      <c r="E492" s="202"/>
      <c r="F492" s="202"/>
      <c r="G492" s="202"/>
      <c r="H492" s="202"/>
      <c r="I492" s="203"/>
    </row>
    <row r="493" spans="1:9" x14ac:dyDescent="0.2">
      <c r="B493" s="52"/>
      <c r="C493" s="52"/>
      <c r="D493" s="52"/>
      <c r="E493" s="52"/>
      <c r="F493" s="52"/>
      <c r="G493" s="52"/>
      <c r="H493" s="52"/>
      <c r="I493" s="52"/>
    </row>
    <row r="494" spans="1:9" x14ac:dyDescent="0.2">
      <c r="B494" s="52"/>
      <c r="C494" s="52"/>
      <c r="D494" s="52"/>
      <c r="E494" s="52"/>
      <c r="F494" s="52"/>
      <c r="G494" s="52"/>
      <c r="H494" s="52"/>
      <c r="I494" s="52"/>
    </row>
    <row r="495" spans="1:9" x14ac:dyDescent="0.2">
      <c r="A495" s="37" t="str">
        <f>IF(B495="","","名称")</f>
        <v>名称</v>
      </c>
      <c r="B495" s="184" t="s">
        <v>156</v>
      </c>
      <c r="C495" s="184"/>
      <c r="D495" s="184"/>
      <c r="E495" s="184"/>
      <c r="F495" s="184"/>
      <c r="G495" s="184"/>
      <c r="H495" s="184"/>
      <c r="I495" s="184"/>
    </row>
    <row r="496" spans="1:9" x14ac:dyDescent="0.2">
      <c r="A496" s="85" t="str">
        <f>IF(B495="","","内容")</f>
        <v>内容</v>
      </c>
      <c r="B496" s="185" t="s">
        <v>120</v>
      </c>
      <c r="C496" s="186"/>
      <c r="D496" s="186"/>
      <c r="E496" s="186"/>
      <c r="F496" s="186"/>
      <c r="G496" s="186"/>
      <c r="H496" s="186"/>
      <c r="I496" s="189"/>
    </row>
    <row r="497" spans="1:9" x14ac:dyDescent="0.2">
      <c r="A497" s="86"/>
      <c r="B497" s="187"/>
      <c r="C497" s="188"/>
      <c r="D497" s="188"/>
      <c r="E497" s="188"/>
      <c r="F497" s="188"/>
      <c r="G497" s="188"/>
      <c r="H497" s="188"/>
      <c r="I497" s="190"/>
    </row>
    <row r="498" spans="1:9" x14ac:dyDescent="0.2">
      <c r="A498" s="38" t="str">
        <f>IF(B495="","","（備考）")</f>
        <v>（備考）</v>
      </c>
      <c r="B498" s="196" t="s">
        <v>157</v>
      </c>
      <c r="C498" s="197"/>
      <c r="D498" s="198"/>
      <c r="E498" s="198"/>
      <c r="F498" s="198"/>
      <c r="G498" s="198"/>
      <c r="H498" s="198"/>
      <c r="I498" s="199"/>
    </row>
    <row r="499" spans="1:9" x14ac:dyDescent="0.2">
      <c r="A499" s="37" t="str">
        <f>IF(B495="","","連絡先")</f>
        <v>連絡先</v>
      </c>
      <c r="B499" s="43" t="s">
        <v>158</v>
      </c>
      <c r="C499" s="44"/>
      <c r="D499" s="48" t="s">
        <v>106</v>
      </c>
      <c r="E499" s="44"/>
      <c r="F499" s="44"/>
      <c r="G499" s="44"/>
      <c r="H499" s="44"/>
      <c r="I499" s="45"/>
    </row>
    <row r="500" spans="1:9" x14ac:dyDescent="0.2">
      <c r="A500" s="99" t="str">
        <f>IF(B495="","","URL")</f>
        <v>URL</v>
      </c>
      <c r="B500" s="101" t="s">
        <v>159</v>
      </c>
      <c r="C500" s="200"/>
      <c r="D500" s="200"/>
      <c r="E500" s="200"/>
      <c r="F500" s="200"/>
      <c r="G500" s="200"/>
      <c r="H500" s="200"/>
      <c r="I500" s="200"/>
    </row>
    <row r="501" spans="1:9" x14ac:dyDescent="0.2">
      <c r="A501" s="100"/>
      <c r="B501" s="201"/>
      <c r="C501" s="202"/>
      <c r="D501" s="202"/>
      <c r="E501" s="202"/>
      <c r="F501" s="202"/>
      <c r="G501" s="202"/>
      <c r="H501" s="202"/>
      <c r="I501" s="203"/>
    </row>
    <row r="502" spans="1:9" x14ac:dyDescent="0.2">
      <c r="B502" s="52"/>
      <c r="C502" s="52"/>
      <c r="D502" s="52"/>
      <c r="E502" s="52"/>
      <c r="F502" s="52"/>
      <c r="G502" s="52"/>
      <c r="H502" s="52"/>
      <c r="I502" s="52"/>
    </row>
    <row r="503" spans="1:9" x14ac:dyDescent="0.2">
      <c r="B503" s="52"/>
      <c r="C503" s="52"/>
      <c r="D503" s="52"/>
      <c r="E503" s="52"/>
      <c r="F503" s="52"/>
      <c r="G503" s="52"/>
      <c r="H503" s="52"/>
      <c r="I503" s="52"/>
    </row>
    <row r="504" spans="1:9" x14ac:dyDescent="0.2">
      <c r="A504" s="37" t="str">
        <f>IF(B504="","","名称")</f>
        <v>名称</v>
      </c>
      <c r="B504" s="184" t="s">
        <v>160</v>
      </c>
      <c r="C504" s="184"/>
      <c r="D504" s="184"/>
      <c r="E504" s="184"/>
      <c r="F504" s="184"/>
      <c r="G504" s="184"/>
      <c r="H504" s="184"/>
      <c r="I504" s="184"/>
    </row>
    <row r="505" spans="1:9" x14ac:dyDescent="0.2">
      <c r="A505" s="85" t="str">
        <f>IF(B504="","","内容")</f>
        <v>内容</v>
      </c>
      <c r="B505" s="185" t="s">
        <v>122</v>
      </c>
      <c r="C505" s="186"/>
      <c r="D505" s="186"/>
      <c r="E505" s="186"/>
      <c r="F505" s="186"/>
      <c r="G505" s="186"/>
      <c r="H505" s="186"/>
      <c r="I505" s="189"/>
    </row>
    <row r="506" spans="1:9" x14ac:dyDescent="0.2">
      <c r="A506" s="86"/>
      <c r="B506" s="187"/>
      <c r="C506" s="188"/>
      <c r="D506" s="188"/>
      <c r="E506" s="188"/>
      <c r="F506" s="188"/>
      <c r="G506" s="188"/>
      <c r="H506" s="188"/>
      <c r="I506" s="190"/>
    </row>
    <row r="507" spans="1:9" x14ac:dyDescent="0.2">
      <c r="A507" s="38" t="str">
        <f>IF(B504="","","（備考）")</f>
        <v>（備考）</v>
      </c>
      <c r="B507" s="205" t="s">
        <v>161</v>
      </c>
      <c r="C507" s="206"/>
      <c r="D507" s="198"/>
      <c r="E507" s="198"/>
      <c r="F507" s="198"/>
      <c r="G507" s="198"/>
      <c r="H507" s="198"/>
      <c r="I507" s="199"/>
    </row>
    <row r="508" spans="1:9" x14ac:dyDescent="0.2">
      <c r="A508" s="37" t="str">
        <f>IF(B504="","","連絡先")</f>
        <v>連絡先</v>
      </c>
      <c r="B508" s="43" t="s">
        <v>162</v>
      </c>
      <c r="C508" s="44"/>
      <c r="D508" s="48" t="s">
        <v>106</v>
      </c>
      <c r="E508" s="44"/>
      <c r="F508" s="44"/>
      <c r="G508" s="44"/>
      <c r="H508" s="44"/>
      <c r="I508" s="45"/>
    </row>
    <row r="509" spans="1:9" x14ac:dyDescent="0.2">
      <c r="A509" s="99" t="str">
        <f>IF(B504="","","URL")</f>
        <v>URL</v>
      </c>
      <c r="B509" s="101" t="s">
        <v>163</v>
      </c>
      <c r="C509" s="200"/>
      <c r="D509" s="200"/>
      <c r="E509" s="200"/>
      <c r="F509" s="200"/>
      <c r="G509" s="200"/>
      <c r="H509" s="200"/>
      <c r="I509" s="200"/>
    </row>
    <row r="510" spans="1:9" x14ac:dyDescent="0.2">
      <c r="A510" s="100"/>
      <c r="B510" s="201"/>
      <c r="C510" s="202"/>
      <c r="D510" s="202"/>
      <c r="E510" s="202"/>
      <c r="F510" s="202"/>
      <c r="G510" s="202"/>
      <c r="H510" s="202"/>
      <c r="I510" s="203"/>
    </row>
    <row r="511" spans="1:9" x14ac:dyDescent="0.2">
      <c r="B511" s="52"/>
      <c r="C511" s="52"/>
      <c r="D511" s="52"/>
      <c r="E511" s="52"/>
      <c r="F511" s="52"/>
      <c r="G511" s="52"/>
      <c r="H511" s="52"/>
      <c r="I511" s="52"/>
    </row>
    <row r="512" spans="1:9" x14ac:dyDescent="0.2">
      <c r="B512" s="52"/>
      <c r="C512" s="52"/>
      <c r="D512" s="52"/>
      <c r="E512" s="52"/>
      <c r="F512" s="52"/>
      <c r="G512" s="52"/>
      <c r="H512" s="52"/>
      <c r="I512" s="52"/>
    </row>
    <row r="513" spans="1:9" x14ac:dyDescent="0.2">
      <c r="A513" s="37" t="str">
        <f>IF(B513="","","名称")</f>
        <v>名称</v>
      </c>
      <c r="B513" s="184" t="s">
        <v>377</v>
      </c>
      <c r="C513" s="184"/>
      <c r="D513" s="184"/>
      <c r="E513" s="184"/>
      <c r="F513" s="184"/>
      <c r="G513" s="184"/>
      <c r="H513" s="184"/>
      <c r="I513" s="184"/>
    </row>
    <row r="514" spans="1:9" x14ac:dyDescent="0.2">
      <c r="A514" s="85" t="str">
        <f>IF(B513="","","内容")</f>
        <v>内容</v>
      </c>
      <c r="B514" s="185" t="s">
        <v>109</v>
      </c>
      <c r="C514" s="186"/>
      <c r="D514" s="186"/>
      <c r="E514" s="186"/>
      <c r="F514" s="186"/>
      <c r="G514" s="186"/>
      <c r="H514" s="186"/>
      <c r="I514" s="189"/>
    </row>
    <row r="515" spans="1:9" x14ac:dyDescent="0.2">
      <c r="A515" s="86"/>
      <c r="B515" s="187"/>
      <c r="C515" s="188"/>
      <c r="D515" s="188"/>
      <c r="E515" s="188"/>
      <c r="F515" s="188"/>
      <c r="G515" s="188"/>
      <c r="H515" s="188"/>
      <c r="I515" s="190"/>
    </row>
    <row r="516" spans="1:9" x14ac:dyDescent="0.2">
      <c r="A516" s="38" t="str">
        <f>IF(B513="","","（備考）")</f>
        <v>（備考）</v>
      </c>
      <c r="B516" s="207" t="s">
        <v>164</v>
      </c>
      <c r="C516" s="208"/>
      <c r="D516" s="198"/>
      <c r="E516" s="198"/>
      <c r="F516" s="198"/>
      <c r="G516" s="198"/>
      <c r="H516" s="198"/>
      <c r="I516" s="199"/>
    </row>
    <row r="517" spans="1:9" x14ac:dyDescent="0.2">
      <c r="A517" s="37" t="str">
        <f>IF(B513="","","連絡先")</f>
        <v>連絡先</v>
      </c>
      <c r="B517" s="43" t="s">
        <v>165</v>
      </c>
      <c r="C517" s="44"/>
      <c r="D517" s="48" t="s">
        <v>106</v>
      </c>
      <c r="E517" s="44"/>
      <c r="F517" s="44"/>
      <c r="G517" s="44"/>
      <c r="H517" s="44"/>
      <c r="I517" s="45"/>
    </row>
    <row r="518" spans="1:9" x14ac:dyDescent="0.2">
      <c r="A518" s="99" t="str">
        <f>IF(B513="","","URL")</f>
        <v>URL</v>
      </c>
      <c r="B518" s="101" t="s">
        <v>395</v>
      </c>
      <c r="C518" s="200"/>
      <c r="D518" s="200"/>
      <c r="E518" s="200"/>
      <c r="F518" s="200"/>
      <c r="G518" s="200"/>
      <c r="H518" s="200"/>
      <c r="I518" s="200"/>
    </row>
    <row r="519" spans="1:9" x14ac:dyDescent="0.2">
      <c r="A519" s="100"/>
      <c r="B519" s="201"/>
      <c r="C519" s="202"/>
      <c r="D519" s="202"/>
      <c r="E519" s="202"/>
      <c r="F519" s="202"/>
      <c r="G519" s="202"/>
      <c r="H519" s="202"/>
      <c r="I519" s="203"/>
    </row>
    <row r="522" spans="1:9" x14ac:dyDescent="0.2">
      <c r="A522" s="37" t="str">
        <f>IF(B522="","","名称")</f>
        <v/>
      </c>
      <c r="B522" s="84"/>
      <c r="C522" s="84"/>
      <c r="D522" s="84"/>
      <c r="E522" s="84"/>
      <c r="F522" s="84"/>
      <c r="G522" s="84"/>
      <c r="H522" s="84"/>
      <c r="I522" s="84"/>
    </row>
    <row r="523" spans="1:9" x14ac:dyDescent="0.2">
      <c r="A523" s="85" t="str">
        <f>IF(B522="","","内容")</f>
        <v/>
      </c>
      <c r="B523" s="87"/>
      <c r="C523" s="88"/>
      <c r="D523" s="91"/>
      <c r="E523" s="91"/>
      <c r="F523" s="91"/>
      <c r="G523" s="91"/>
      <c r="H523" s="91"/>
      <c r="I523" s="93"/>
    </row>
    <row r="524" spans="1:9" x14ac:dyDescent="0.2">
      <c r="A524" s="86"/>
      <c r="B524" s="89"/>
      <c r="C524" s="90"/>
      <c r="D524" s="92"/>
      <c r="E524" s="92"/>
      <c r="F524" s="92"/>
      <c r="G524" s="92"/>
      <c r="H524" s="92"/>
      <c r="I524" s="94"/>
    </row>
    <row r="525" spans="1:9" x14ac:dyDescent="0.2">
      <c r="A525" s="38" t="str">
        <f>IF(B522="","","（備考）")</f>
        <v/>
      </c>
      <c r="B525" s="116"/>
      <c r="C525" s="97"/>
      <c r="D525" s="97"/>
      <c r="E525" s="97"/>
      <c r="F525" s="97"/>
      <c r="G525" s="97"/>
      <c r="H525" s="97"/>
      <c r="I525" s="98"/>
    </row>
    <row r="526" spans="1:9" x14ac:dyDescent="0.2">
      <c r="A526" s="37" t="str">
        <f>IF(B522="","","連絡先")</f>
        <v/>
      </c>
      <c r="B526" s="42"/>
      <c r="C526" s="40"/>
      <c r="D526" s="40"/>
      <c r="E526" s="40"/>
      <c r="F526" s="40"/>
      <c r="G526" s="40"/>
      <c r="H526" s="40"/>
      <c r="I526" s="41"/>
    </row>
    <row r="527" spans="1:9" x14ac:dyDescent="0.2">
      <c r="A527" s="99" t="str">
        <f>IF(B522="","","URL")</f>
        <v/>
      </c>
      <c r="B527" s="101"/>
      <c r="C527" s="101"/>
      <c r="D527" s="101"/>
      <c r="E527" s="101"/>
      <c r="F527" s="101"/>
      <c r="G527" s="101"/>
      <c r="H527" s="101"/>
      <c r="I527" s="101"/>
    </row>
    <row r="528" spans="1:9" x14ac:dyDescent="0.2">
      <c r="A528" s="100"/>
      <c r="B528" s="102"/>
      <c r="C528" s="103"/>
      <c r="D528" s="103"/>
      <c r="E528" s="103"/>
      <c r="F528" s="103"/>
      <c r="G528" s="103"/>
      <c r="H528" s="103"/>
      <c r="I528" s="104"/>
    </row>
    <row r="532" spans="1:9" ht="13.5" customHeight="1" x14ac:dyDescent="0.2">
      <c r="A532" s="107" t="s">
        <v>166</v>
      </c>
      <c r="B532" s="107"/>
      <c r="C532" s="107"/>
      <c r="D532" s="107"/>
      <c r="E532" s="107"/>
      <c r="F532" s="107"/>
      <c r="G532" s="107"/>
      <c r="H532" s="107"/>
      <c r="I532" s="107"/>
    </row>
    <row r="533" spans="1:9" ht="13.5" customHeight="1" x14ac:dyDescent="0.2">
      <c r="A533" s="107"/>
      <c r="B533" s="107"/>
      <c r="C533" s="107"/>
      <c r="D533" s="107"/>
      <c r="E533" s="107"/>
      <c r="F533" s="107"/>
      <c r="G533" s="107"/>
      <c r="H533" s="107"/>
      <c r="I533" s="107"/>
    </row>
    <row r="536" spans="1:9" x14ac:dyDescent="0.2">
      <c r="A536" s="37" t="str">
        <f>IF(B536="","","名称")</f>
        <v>名称</v>
      </c>
      <c r="B536" s="84" t="s">
        <v>167</v>
      </c>
      <c r="C536" s="84"/>
      <c r="D536" s="84"/>
      <c r="E536" s="84"/>
      <c r="F536" s="84"/>
      <c r="G536" s="84"/>
      <c r="H536" s="84"/>
      <c r="I536" s="84"/>
    </row>
    <row r="537" spans="1:9" x14ac:dyDescent="0.2">
      <c r="A537" s="85" t="str">
        <f>IF(B536="","","内容")</f>
        <v>内容</v>
      </c>
      <c r="B537" s="87" t="s">
        <v>142</v>
      </c>
      <c r="C537" s="88"/>
      <c r="D537" s="91"/>
      <c r="E537" s="91"/>
      <c r="F537" s="91"/>
      <c r="G537" s="91"/>
      <c r="H537" s="91"/>
      <c r="I537" s="93"/>
    </row>
    <row r="538" spans="1:9" x14ac:dyDescent="0.2">
      <c r="A538" s="86"/>
      <c r="B538" s="89"/>
      <c r="C538" s="90"/>
      <c r="D538" s="92"/>
      <c r="E538" s="92"/>
      <c r="F538" s="92"/>
      <c r="G538" s="92"/>
      <c r="H538" s="92"/>
      <c r="I538" s="94"/>
    </row>
    <row r="539" spans="1:9" x14ac:dyDescent="0.2">
      <c r="A539" s="38" t="str">
        <f>IF(B536="","","（備考）")</f>
        <v>（備考）</v>
      </c>
      <c r="B539" s="95" t="s">
        <v>168</v>
      </c>
      <c r="C539" s="96"/>
      <c r="D539" s="97"/>
      <c r="E539" s="97"/>
      <c r="F539" s="97"/>
      <c r="G539" s="97"/>
      <c r="H539" s="97"/>
      <c r="I539" s="98"/>
    </row>
    <row r="540" spans="1:9" x14ac:dyDescent="0.2">
      <c r="A540" s="37" t="str">
        <f>IF(B536="","","連絡先")</f>
        <v>連絡先</v>
      </c>
      <c r="B540" s="43" t="s">
        <v>438</v>
      </c>
      <c r="C540" s="40"/>
      <c r="D540" s="40"/>
      <c r="E540" s="40"/>
      <c r="F540" s="40"/>
      <c r="G540" s="40"/>
      <c r="H540" s="40"/>
      <c r="I540" s="41"/>
    </row>
    <row r="541" spans="1:9" x14ac:dyDescent="0.2">
      <c r="A541" s="99" t="str">
        <f>IF(B536="","","URL")</f>
        <v>URL</v>
      </c>
      <c r="B541" s="101" t="s">
        <v>169</v>
      </c>
      <c r="C541" s="101"/>
      <c r="D541" s="101"/>
      <c r="E541" s="101"/>
      <c r="F541" s="101"/>
      <c r="G541" s="101"/>
      <c r="H541" s="101"/>
      <c r="I541" s="101"/>
    </row>
    <row r="542" spans="1:9" x14ac:dyDescent="0.2">
      <c r="A542" s="100"/>
      <c r="B542" s="102"/>
      <c r="C542" s="103"/>
      <c r="D542" s="103"/>
      <c r="E542" s="103"/>
      <c r="F542" s="103"/>
      <c r="G542" s="103"/>
      <c r="H542" s="103"/>
      <c r="I542" s="104"/>
    </row>
    <row r="545" spans="1:9" x14ac:dyDescent="0.2">
      <c r="A545" s="37" t="str">
        <f>IF(B545="","","名称")</f>
        <v>名称</v>
      </c>
      <c r="B545" s="84" t="s">
        <v>170</v>
      </c>
      <c r="C545" s="84"/>
      <c r="D545" s="84"/>
      <c r="E545" s="84"/>
      <c r="F545" s="84"/>
      <c r="G545" s="84"/>
      <c r="H545" s="84"/>
      <c r="I545" s="84"/>
    </row>
    <row r="546" spans="1:9" x14ac:dyDescent="0.2">
      <c r="A546" s="85" t="str">
        <f>IF(B545="","","内容")</f>
        <v>内容</v>
      </c>
      <c r="B546" s="87" t="s">
        <v>109</v>
      </c>
      <c r="C546" s="88"/>
      <c r="D546" s="91"/>
      <c r="E546" s="91"/>
      <c r="F546" s="91"/>
      <c r="G546" s="91"/>
      <c r="H546" s="91"/>
      <c r="I546" s="93"/>
    </row>
    <row r="547" spans="1:9" x14ac:dyDescent="0.2">
      <c r="A547" s="86"/>
      <c r="B547" s="89"/>
      <c r="C547" s="90"/>
      <c r="D547" s="92"/>
      <c r="E547" s="92"/>
      <c r="F547" s="92"/>
      <c r="G547" s="92"/>
      <c r="H547" s="92"/>
      <c r="I547" s="94"/>
    </row>
    <row r="548" spans="1:9" x14ac:dyDescent="0.2">
      <c r="A548" s="38" t="str">
        <f>IF(B545="","","（備考）")</f>
        <v>（備考）</v>
      </c>
      <c r="B548" s="108"/>
      <c r="C548" s="109"/>
      <c r="D548" s="97"/>
      <c r="E548" s="97"/>
      <c r="F548" s="97"/>
      <c r="G548" s="97"/>
      <c r="H548" s="97"/>
      <c r="I548" s="98"/>
    </row>
    <row r="549" spans="1:9" x14ac:dyDescent="0.2">
      <c r="A549" s="37" t="str">
        <f>IF(B545="","","連絡先")</f>
        <v>連絡先</v>
      </c>
      <c r="B549" s="43" t="s">
        <v>446</v>
      </c>
      <c r="C549" s="40"/>
      <c r="D549" s="40"/>
      <c r="E549" s="53"/>
      <c r="F549" s="40"/>
      <c r="G549" s="40"/>
      <c r="H549" s="40"/>
      <c r="I549" s="41"/>
    </row>
    <row r="550" spans="1:9" x14ac:dyDescent="0.2">
      <c r="A550" s="99" t="str">
        <f>IF(B545="","","URL")</f>
        <v>URL</v>
      </c>
      <c r="B550" s="101" t="s">
        <v>171</v>
      </c>
      <c r="C550" s="101"/>
      <c r="D550" s="101"/>
      <c r="E550" s="101"/>
      <c r="F550" s="101"/>
      <c r="G550" s="101"/>
      <c r="H550" s="101"/>
      <c r="I550" s="101"/>
    </row>
    <row r="551" spans="1:9" x14ac:dyDescent="0.2">
      <c r="A551" s="100"/>
      <c r="B551" s="102"/>
      <c r="C551" s="103"/>
      <c r="D551" s="103"/>
      <c r="E551" s="103"/>
      <c r="F551" s="103"/>
      <c r="G551" s="103"/>
      <c r="H551" s="103"/>
      <c r="I551" s="104"/>
    </row>
    <row r="554" spans="1:9" x14ac:dyDescent="0.2">
      <c r="A554" s="37" t="str">
        <f>IF(B554="","","名称")</f>
        <v>名称</v>
      </c>
      <c r="B554" s="84" t="s">
        <v>439</v>
      </c>
      <c r="C554" s="84"/>
      <c r="D554" s="84"/>
      <c r="E554" s="84"/>
      <c r="F554" s="84"/>
      <c r="G554" s="84"/>
      <c r="H554" s="84"/>
      <c r="I554" s="84"/>
    </row>
    <row r="555" spans="1:9" x14ac:dyDescent="0.2">
      <c r="A555" s="85" t="str">
        <f>IF(B554="","","内容")</f>
        <v>内容</v>
      </c>
      <c r="B555" s="87" t="s">
        <v>120</v>
      </c>
      <c r="C555" s="88"/>
      <c r="D555" s="91"/>
      <c r="E555" s="91"/>
      <c r="F555" s="91"/>
      <c r="G555" s="91"/>
      <c r="H555" s="91"/>
      <c r="I555" s="93"/>
    </row>
    <row r="556" spans="1:9" x14ac:dyDescent="0.2">
      <c r="A556" s="86"/>
      <c r="B556" s="89"/>
      <c r="C556" s="90"/>
      <c r="D556" s="92"/>
      <c r="E556" s="92"/>
      <c r="F556" s="92"/>
      <c r="G556" s="92"/>
      <c r="H556" s="92"/>
      <c r="I556" s="94"/>
    </row>
    <row r="557" spans="1:9" x14ac:dyDescent="0.2">
      <c r="A557" s="38" t="str">
        <f>IF(B554="","","（備考）")</f>
        <v>（備考）</v>
      </c>
      <c r="B557" s="174" t="s">
        <v>440</v>
      </c>
      <c r="C557" s="175"/>
      <c r="D557" s="97"/>
      <c r="E557" s="97"/>
      <c r="F557" s="97"/>
      <c r="G557" s="97"/>
      <c r="H557" s="97"/>
      <c r="I557" s="98"/>
    </row>
    <row r="558" spans="1:9" x14ac:dyDescent="0.2">
      <c r="A558" s="37" t="str">
        <f>IF(B554="","","連絡先")</f>
        <v>連絡先</v>
      </c>
      <c r="B558" s="43" t="s">
        <v>378</v>
      </c>
      <c r="C558" s="40"/>
      <c r="D558" s="40" t="s">
        <v>106</v>
      </c>
      <c r="E558" s="40"/>
      <c r="F558" s="40"/>
      <c r="G558" s="40"/>
      <c r="H558" s="40"/>
      <c r="I558" s="41"/>
    </row>
    <row r="559" spans="1:9" x14ac:dyDescent="0.2">
      <c r="A559" s="99" t="str">
        <f>IF(B554="","","URL")</f>
        <v>URL</v>
      </c>
      <c r="B559" s="101" t="s">
        <v>441</v>
      </c>
      <c r="C559" s="209"/>
      <c r="D559" s="209"/>
      <c r="E559" s="209"/>
      <c r="F559" s="209"/>
      <c r="G559" s="209"/>
      <c r="H559" s="209"/>
      <c r="I559" s="209"/>
    </row>
    <row r="560" spans="1:9" x14ac:dyDescent="0.2">
      <c r="A560" s="100"/>
      <c r="B560" s="210"/>
      <c r="C560" s="165"/>
      <c r="D560" s="165"/>
      <c r="E560" s="165"/>
      <c r="F560" s="165"/>
      <c r="G560" s="165"/>
      <c r="H560" s="165"/>
      <c r="I560" s="166"/>
    </row>
    <row r="563" spans="1:9" x14ac:dyDescent="0.2">
      <c r="A563" s="37" t="str">
        <f>IF(B563="","","名称")</f>
        <v>名称</v>
      </c>
      <c r="B563" s="84" t="s">
        <v>442</v>
      </c>
      <c r="C563" s="84"/>
      <c r="D563" s="84"/>
      <c r="E563" s="84"/>
      <c r="F563" s="84"/>
      <c r="G563" s="84"/>
      <c r="H563" s="84"/>
      <c r="I563" s="84"/>
    </row>
    <row r="564" spans="1:9" x14ac:dyDescent="0.2">
      <c r="A564" s="85" t="str">
        <f>IF(B563="","","内容")</f>
        <v>内容</v>
      </c>
      <c r="B564" s="87" t="s">
        <v>443</v>
      </c>
      <c r="C564" s="88"/>
      <c r="D564" s="91" t="s">
        <v>444</v>
      </c>
      <c r="E564" s="91"/>
      <c r="F564" s="91"/>
      <c r="G564" s="91"/>
      <c r="H564" s="91"/>
      <c r="I564" s="93"/>
    </row>
    <row r="565" spans="1:9" x14ac:dyDescent="0.2">
      <c r="A565" s="86"/>
      <c r="B565" s="89"/>
      <c r="C565" s="90"/>
      <c r="D565" s="92"/>
      <c r="E565" s="92"/>
      <c r="F565" s="92"/>
      <c r="G565" s="92"/>
      <c r="H565" s="92"/>
      <c r="I565" s="94"/>
    </row>
    <row r="566" spans="1:9" x14ac:dyDescent="0.2">
      <c r="A566" s="38" t="str">
        <f>IF(B563="","","（備考）")</f>
        <v>（備考）</v>
      </c>
      <c r="B566" s="167" t="s">
        <v>445</v>
      </c>
      <c r="C566" s="117"/>
      <c r="D566" s="146"/>
      <c r="E566" s="146"/>
      <c r="F566" s="97"/>
      <c r="G566" s="97"/>
      <c r="H566" s="97"/>
      <c r="I566" s="98"/>
    </row>
    <row r="567" spans="1:9" x14ac:dyDescent="0.2">
      <c r="A567" s="37" t="str">
        <f>IF(B563="","","連絡先")</f>
        <v>連絡先</v>
      </c>
      <c r="B567" s="43" t="s">
        <v>447</v>
      </c>
      <c r="C567" s="40"/>
      <c r="D567" s="40"/>
      <c r="E567" s="40"/>
      <c r="F567" s="40"/>
      <c r="G567" s="40"/>
      <c r="H567" s="40"/>
      <c r="I567" s="41"/>
    </row>
    <row r="568" spans="1:9" x14ac:dyDescent="0.2">
      <c r="A568" s="99" t="str">
        <f>IF(B563="","","URL")</f>
        <v>URL</v>
      </c>
      <c r="B568" s="101" t="s">
        <v>448</v>
      </c>
      <c r="C568" s="101"/>
      <c r="D568" s="101"/>
      <c r="E568" s="101"/>
      <c r="F568" s="101"/>
      <c r="G568" s="101"/>
      <c r="H568" s="101"/>
      <c r="I568" s="101"/>
    </row>
    <row r="569" spans="1:9" x14ac:dyDescent="0.2">
      <c r="A569" s="100"/>
      <c r="B569" s="102"/>
      <c r="C569" s="103"/>
      <c r="D569" s="103"/>
      <c r="E569" s="103"/>
      <c r="F569" s="103"/>
      <c r="G569" s="103"/>
      <c r="H569" s="103"/>
      <c r="I569" s="104"/>
    </row>
    <row r="572" spans="1:9" x14ac:dyDescent="0.2">
      <c r="A572" s="37" t="str">
        <f>IF(B572="","","名称")</f>
        <v>名称</v>
      </c>
      <c r="B572" s="84" t="s">
        <v>449</v>
      </c>
      <c r="C572" s="84"/>
      <c r="D572" s="84"/>
      <c r="E572" s="84"/>
      <c r="F572" s="84"/>
      <c r="G572" s="84"/>
      <c r="H572" s="84"/>
      <c r="I572" s="84"/>
    </row>
    <row r="573" spans="1:9" x14ac:dyDescent="0.2">
      <c r="A573" s="85" t="str">
        <f>IF(B572="","","内容")</f>
        <v>内容</v>
      </c>
      <c r="B573" s="87" t="s">
        <v>450</v>
      </c>
      <c r="C573" s="88"/>
      <c r="D573" s="91"/>
      <c r="E573" s="91"/>
      <c r="F573" s="91"/>
      <c r="G573" s="91"/>
      <c r="H573" s="91"/>
      <c r="I573" s="93"/>
    </row>
    <row r="574" spans="1:9" x14ac:dyDescent="0.2">
      <c r="A574" s="86"/>
      <c r="B574" s="89"/>
      <c r="C574" s="90"/>
      <c r="D574" s="92"/>
      <c r="E574" s="92"/>
      <c r="F574" s="92"/>
      <c r="G574" s="92"/>
      <c r="H574" s="92"/>
      <c r="I574" s="94"/>
    </row>
    <row r="575" spans="1:9" x14ac:dyDescent="0.2">
      <c r="A575" s="38" t="str">
        <f>IF(B572="","","（備考）")</f>
        <v>（備考）</v>
      </c>
      <c r="B575" s="211"/>
      <c r="C575" s="129"/>
      <c r="D575" s="97"/>
      <c r="E575" s="97"/>
      <c r="F575" s="97"/>
      <c r="G575" s="97"/>
      <c r="H575" s="97"/>
      <c r="I575" s="98"/>
    </row>
    <row r="576" spans="1:9" x14ac:dyDescent="0.2">
      <c r="A576" s="37" t="str">
        <f>IF(B572="","","連絡先")</f>
        <v>連絡先</v>
      </c>
      <c r="B576" s="43" t="s">
        <v>451</v>
      </c>
      <c r="C576" s="40"/>
      <c r="D576" s="40"/>
      <c r="E576" s="40"/>
      <c r="F576" s="40"/>
      <c r="G576" s="40"/>
      <c r="H576" s="40"/>
      <c r="I576" s="41"/>
    </row>
    <row r="577" spans="1:9" x14ac:dyDescent="0.2">
      <c r="A577" s="99" t="str">
        <f>IF(B572="","","URL")</f>
        <v>URL</v>
      </c>
      <c r="B577" s="101" t="s">
        <v>448</v>
      </c>
      <c r="C577" s="101"/>
      <c r="D577" s="101"/>
      <c r="E577" s="101"/>
      <c r="F577" s="101"/>
      <c r="G577" s="101"/>
      <c r="H577" s="101"/>
      <c r="I577" s="101"/>
    </row>
    <row r="578" spans="1:9" x14ac:dyDescent="0.2">
      <c r="A578" s="100"/>
      <c r="B578" s="102"/>
      <c r="C578" s="103"/>
      <c r="D578" s="103"/>
      <c r="E578" s="103"/>
      <c r="F578" s="103"/>
      <c r="G578" s="103"/>
      <c r="H578" s="103"/>
      <c r="I578" s="104"/>
    </row>
    <row r="581" spans="1:9" x14ac:dyDescent="0.2">
      <c r="A581" s="37" t="str">
        <f>IF(B581="","","名称")</f>
        <v>名称</v>
      </c>
      <c r="B581" s="84" t="s">
        <v>452</v>
      </c>
      <c r="C581" s="84"/>
      <c r="D581" s="84"/>
      <c r="E581" s="84"/>
      <c r="F581" s="84"/>
      <c r="G581" s="84"/>
      <c r="H581" s="84"/>
      <c r="I581" s="84"/>
    </row>
    <row r="582" spans="1:9" x14ac:dyDescent="0.2">
      <c r="A582" s="85" t="str">
        <f>IF(B581="","","内容")</f>
        <v>内容</v>
      </c>
      <c r="B582" s="87" t="s">
        <v>453</v>
      </c>
      <c r="C582" s="88"/>
      <c r="D582" s="91"/>
      <c r="E582" s="91"/>
      <c r="F582" s="91"/>
      <c r="G582" s="91"/>
      <c r="H582" s="91"/>
      <c r="I582" s="93"/>
    </row>
    <row r="583" spans="1:9" x14ac:dyDescent="0.2">
      <c r="A583" s="86"/>
      <c r="B583" s="89"/>
      <c r="C583" s="90"/>
      <c r="D583" s="92"/>
      <c r="E583" s="92"/>
      <c r="F583" s="92"/>
      <c r="G583" s="92"/>
      <c r="H583" s="92"/>
      <c r="I583" s="94"/>
    </row>
    <row r="584" spans="1:9" x14ac:dyDescent="0.2">
      <c r="A584" s="38" t="str">
        <f>IF(B581="","","（備考）")</f>
        <v>（備考）</v>
      </c>
      <c r="B584" s="153"/>
      <c r="C584" s="154"/>
      <c r="D584" s="97"/>
      <c r="E584" s="97"/>
      <c r="F584" s="97"/>
      <c r="G584" s="97"/>
      <c r="H584" s="97"/>
      <c r="I584" s="98"/>
    </row>
    <row r="585" spans="1:9" x14ac:dyDescent="0.2">
      <c r="A585" s="37" t="str">
        <f>IF(B581="","","連絡先")</f>
        <v>連絡先</v>
      </c>
      <c r="B585" s="43" t="s">
        <v>454</v>
      </c>
      <c r="C585" s="40"/>
      <c r="D585" s="40"/>
      <c r="E585" s="40"/>
      <c r="F585" s="40"/>
      <c r="G585" s="40"/>
      <c r="H585" s="40"/>
      <c r="I585" s="41"/>
    </row>
    <row r="586" spans="1:9" x14ac:dyDescent="0.2">
      <c r="A586" s="99" t="str">
        <f>IF(B581="","","URL")</f>
        <v>URL</v>
      </c>
      <c r="B586" s="101" t="s">
        <v>448</v>
      </c>
      <c r="C586" s="101"/>
      <c r="D586" s="101"/>
      <c r="E586" s="101"/>
      <c r="F586" s="101"/>
      <c r="G586" s="101"/>
      <c r="H586" s="101"/>
      <c r="I586" s="101"/>
    </row>
    <row r="587" spans="1:9" x14ac:dyDescent="0.2">
      <c r="A587" s="100"/>
      <c r="B587" s="102"/>
      <c r="C587" s="103"/>
      <c r="D587" s="103"/>
      <c r="E587" s="103"/>
      <c r="F587" s="103"/>
      <c r="G587" s="103"/>
      <c r="H587" s="103"/>
      <c r="I587" s="104"/>
    </row>
    <row r="591" spans="1:9" ht="13.5" customHeight="1" x14ac:dyDescent="0.2">
      <c r="A591" s="107" t="s">
        <v>172</v>
      </c>
      <c r="B591" s="107"/>
      <c r="C591" s="107"/>
      <c r="D591" s="107"/>
      <c r="E591" s="107"/>
      <c r="F591" s="107"/>
      <c r="G591" s="107"/>
      <c r="H591" s="107"/>
      <c r="I591" s="107"/>
    </row>
    <row r="592" spans="1:9" ht="13.5" customHeight="1" x14ac:dyDescent="0.2">
      <c r="A592" s="107"/>
      <c r="B592" s="107"/>
      <c r="C592" s="107"/>
      <c r="D592" s="107"/>
      <c r="E592" s="107"/>
      <c r="F592" s="107"/>
      <c r="G592" s="107"/>
      <c r="H592" s="107"/>
      <c r="I592" s="107"/>
    </row>
    <row r="595" spans="1:9" x14ac:dyDescent="0.2">
      <c r="A595" s="37" t="str">
        <f>IF(B595="","","名称")</f>
        <v>名称</v>
      </c>
      <c r="B595" s="214" t="s">
        <v>173</v>
      </c>
      <c r="C595" s="184"/>
      <c r="D595" s="184"/>
      <c r="E595" s="184"/>
      <c r="F595" s="184"/>
      <c r="G595" s="184"/>
      <c r="H595" s="184"/>
      <c r="I595" s="184"/>
    </row>
    <row r="596" spans="1:9" x14ac:dyDescent="0.2">
      <c r="A596" s="85" t="str">
        <f>IF(B595="","","内容")</f>
        <v>内容</v>
      </c>
      <c r="B596" s="185" t="s">
        <v>111</v>
      </c>
      <c r="C596" s="186"/>
      <c r="D596" s="186"/>
      <c r="E596" s="186"/>
      <c r="F596" s="186"/>
      <c r="G596" s="186"/>
      <c r="H596" s="186"/>
      <c r="I596" s="189"/>
    </row>
    <row r="597" spans="1:9" x14ac:dyDescent="0.2">
      <c r="A597" s="86"/>
      <c r="B597" s="187"/>
      <c r="C597" s="188"/>
      <c r="D597" s="188"/>
      <c r="E597" s="188"/>
      <c r="F597" s="188"/>
      <c r="G597" s="188"/>
      <c r="H597" s="188"/>
      <c r="I597" s="190"/>
    </row>
    <row r="598" spans="1:9" x14ac:dyDescent="0.2">
      <c r="A598" s="38" t="str">
        <f>IF(B595="","","（備考）")</f>
        <v>（備考）</v>
      </c>
      <c r="B598" s="212" t="s">
        <v>174</v>
      </c>
      <c r="C598" s="213"/>
      <c r="D598" s="198"/>
      <c r="E598" s="198"/>
      <c r="F598" s="198"/>
      <c r="G598" s="198"/>
      <c r="H598" s="198"/>
      <c r="I598" s="199"/>
    </row>
    <row r="599" spans="1:9" x14ac:dyDescent="0.2">
      <c r="A599" s="37" t="str">
        <f>IF(B595="","","連絡先")</f>
        <v>連絡先</v>
      </c>
      <c r="B599" s="43" t="s">
        <v>515</v>
      </c>
      <c r="C599" s="54"/>
      <c r="D599" s="54" t="s">
        <v>516</v>
      </c>
      <c r="E599" s="54"/>
      <c r="F599" s="54"/>
      <c r="G599" s="54"/>
      <c r="H599" s="54"/>
      <c r="I599" s="55"/>
    </row>
    <row r="600" spans="1:9" x14ac:dyDescent="0.2">
      <c r="A600" s="99" t="str">
        <f>IF(B595="","","URL")</f>
        <v>URL</v>
      </c>
      <c r="B600" s="101" t="s">
        <v>176</v>
      </c>
      <c r="C600" s="200"/>
      <c r="D600" s="200"/>
      <c r="E600" s="200"/>
      <c r="F600" s="200"/>
      <c r="G600" s="200"/>
      <c r="H600" s="200"/>
      <c r="I600" s="200"/>
    </row>
    <row r="601" spans="1:9" x14ac:dyDescent="0.2">
      <c r="A601" s="100"/>
      <c r="B601" s="201"/>
      <c r="C601" s="202"/>
      <c r="D601" s="202"/>
      <c r="E601" s="202"/>
      <c r="F601" s="202"/>
      <c r="G601" s="202"/>
      <c r="H601" s="202"/>
      <c r="I601" s="203"/>
    </row>
    <row r="602" spans="1:9" x14ac:dyDescent="0.2">
      <c r="B602" s="52"/>
      <c r="C602" s="52"/>
      <c r="D602" s="52"/>
      <c r="E602" s="52"/>
      <c r="F602" s="52"/>
      <c r="G602" s="52"/>
      <c r="H602" s="52"/>
      <c r="I602" s="52"/>
    </row>
    <row r="603" spans="1:9" x14ac:dyDescent="0.2">
      <c r="B603" s="52"/>
      <c r="C603" s="52"/>
      <c r="D603" s="52"/>
      <c r="E603" s="52"/>
      <c r="F603" s="52"/>
      <c r="G603" s="52"/>
      <c r="H603" s="52"/>
      <c r="I603" s="52"/>
    </row>
    <row r="604" spans="1:9" x14ac:dyDescent="0.2">
      <c r="A604" s="37" t="str">
        <f>IF(B604="","","名称")</f>
        <v>名称</v>
      </c>
      <c r="B604" s="184" t="s">
        <v>401</v>
      </c>
      <c r="C604" s="184"/>
      <c r="D604" s="184"/>
      <c r="E604" s="184"/>
      <c r="F604" s="184"/>
      <c r="G604" s="184"/>
      <c r="H604" s="184"/>
      <c r="I604" s="184"/>
    </row>
    <row r="605" spans="1:9" x14ac:dyDescent="0.2">
      <c r="A605" s="85" t="str">
        <f>IF(B604="","","内容")</f>
        <v>内容</v>
      </c>
      <c r="B605" s="185" t="s">
        <v>14</v>
      </c>
      <c r="C605" s="186"/>
      <c r="D605" s="186"/>
      <c r="E605" s="186"/>
      <c r="F605" s="186"/>
      <c r="G605" s="186"/>
      <c r="H605" s="186"/>
      <c r="I605" s="189"/>
    </row>
    <row r="606" spans="1:9" x14ac:dyDescent="0.2">
      <c r="A606" s="86"/>
      <c r="B606" s="187"/>
      <c r="C606" s="188"/>
      <c r="D606" s="188"/>
      <c r="E606" s="188"/>
      <c r="F606" s="188"/>
      <c r="G606" s="188"/>
      <c r="H606" s="188"/>
      <c r="I606" s="190"/>
    </row>
    <row r="607" spans="1:9" x14ac:dyDescent="0.2">
      <c r="A607" s="38" t="str">
        <f>IF(B604="","","（備考）")</f>
        <v>（備考）</v>
      </c>
      <c r="B607" s="217" t="s">
        <v>425</v>
      </c>
      <c r="C607" s="218"/>
      <c r="D607" s="198"/>
      <c r="E607" s="198"/>
      <c r="F607" s="198"/>
      <c r="G607" s="198"/>
      <c r="H607" s="198"/>
      <c r="I607" s="199"/>
    </row>
    <row r="608" spans="1:9" x14ac:dyDescent="0.2">
      <c r="A608" s="37" t="str">
        <f>IF(B604="","","連絡先")</f>
        <v>連絡先</v>
      </c>
      <c r="B608" s="43" t="s">
        <v>177</v>
      </c>
      <c r="C608" s="54"/>
      <c r="D608" s="54" t="s">
        <v>178</v>
      </c>
      <c r="E608" s="54"/>
      <c r="F608" s="54"/>
      <c r="G608" s="54"/>
      <c r="H608" s="54"/>
      <c r="I608" s="55"/>
    </row>
    <row r="609" spans="1:9" x14ac:dyDescent="0.2">
      <c r="A609" s="99" t="str">
        <f>IF(B604="","","URL")</f>
        <v>URL</v>
      </c>
      <c r="B609" s="101" t="s">
        <v>402</v>
      </c>
      <c r="C609" s="200"/>
      <c r="D609" s="200"/>
      <c r="E609" s="200"/>
      <c r="F609" s="200"/>
      <c r="G609" s="200"/>
      <c r="H609" s="200"/>
      <c r="I609" s="200"/>
    </row>
    <row r="610" spans="1:9" x14ac:dyDescent="0.2">
      <c r="A610" s="100"/>
      <c r="B610" s="201"/>
      <c r="C610" s="202"/>
      <c r="D610" s="202"/>
      <c r="E610" s="202"/>
      <c r="F610" s="202"/>
      <c r="G610" s="202"/>
      <c r="H610" s="202"/>
      <c r="I610" s="203"/>
    </row>
    <row r="611" spans="1:9" x14ac:dyDescent="0.2">
      <c r="B611" s="52"/>
      <c r="C611" s="52"/>
      <c r="D611" s="52"/>
      <c r="E611" s="52"/>
      <c r="F611" s="52"/>
      <c r="G611" s="52"/>
      <c r="H611" s="52"/>
      <c r="I611" s="52"/>
    </row>
    <row r="612" spans="1:9" x14ac:dyDescent="0.2">
      <c r="B612" s="52"/>
      <c r="C612" s="52"/>
      <c r="D612" s="52"/>
      <c r="E612" s="52"/>
      <c r="F612" s="52"/>
      <c r="G612" s="52"/>
      <c r="H612" s="52"/>
      <c r="I612" s="52"/>
    </row>
    <row r="613" spans="1:9" x14ac:dyDescent="0.2">
      <c r="A613" s="37" t="str">
        <f>IF(B613="","","名称")</f>
        <v>名称</v>
      </c>
      <c r="B613" s="184" t="s">
        <v>179</v>
      </c>
      <c r="C613" s="184"/>
      <c r="D613" s="184"/>
      <c r="E613" s="184"/>
      <c r="F613" s="184"/>
      <c r="G613" s="184"/>
      <c r="H613" s="184"/>
      <c r="I613" s="184"/>
    </row>
    <row r="614" spans="1:9" x14ac:dyDescent="0.2">
      <c r="A614" s="85" t="str">
        <f>IF(B613="","","内容")</f>
        <v>内容</v>
      </c>
      <c r="B614" s="185" t="s">
        <v>122</v>
      </c>
      <c r="C614" s="186"/>
      <c r="D614" s="186"/>
      <c r="E614" s="186"/>
      <c r="F614" s="186"/>
      <c r="G614" s="186"/>
      <c r="H614" s="186"/>
      <c r="I614" s="189"/>
    </row>
    <row r="615" spans="1:9" x14ac:dyDescent="0.2">
      <c r="A615" s="86"/>
      <c r="B615" s="187"/>
      <c r="C615" s="188"/>
      <c r="D615" s="188"/>
      <c r="E615" s="188"/>
      <c r="F615" s="188"/>
      <c r="G615" s="188"/>
      <c r="H615" s="188"/>
      <c r="I615" s="190"/>
    </row>
    <row r="616" spans="1:9" x14ac:dyDescent="0.2">
      <c r="A616" s="38" t="str">
        <f>IF(B613="","","（備考）")</f>
        <v>（備考）</v>
      </c>
      <c r="B616" s="215"/>
      <c r="C616" s="216"/>
      <c r="D616" s="198"/>
      <c r="E616" s="198"/>
      <c r="F616" s="198"/>
      <c r="G616" s="198"/>
      <c r="H616" s="198"/>
      <c r="I616" s="199"/>
    </row>
    <row r="617" spans="1:9" x14ac:dyDescent="0.2">
      <c r="A617" s="37" t="str">
        <f>IF(B613="","","連絡先")</f>
        <v>連絡先</v>
      </c>
      <c r="B617" s="43" t="s">
        <v>175</v>
      </c>
      <c r="C617" s="54"/>
      <c r="D617" s="54" t="s">
        <v>99</v>
      </c>
      <c r="E617" s="54"/>
      <c r="F617" s="54"/>
      <c r="G617" s="54"/>
      <c r="H617" s="54"/>
      <c r="I617" s="55"/>
    </row>
    <row r="618" spans="1:9" x14ac:dyDescent="0.2">
      <c r="A618" s="99" t="str">
        <f>IF(B613="","","URL")</f>
        <v>URL</v>
      </c>
      <c r="B618" s="101" t="s">
        <v>180</v>
      </c>
      <c r="C618" s="200"/>
      <c r="D618" s="200"/>
      <c r="E618" s="200"/>
      <c r="F618" s="200"/>
      <c r="G618" s="200"/>
      <c r="H618" s="200"/>
      <c r="I618" s="200"/>
    </row>
    <row r="619" spans="1:9" x14ac:dyDescent="0.2">
      <c r="A619" s="100"/>
      <c r="B619" s="201"/>
      <c r="C619" s="202"/>
      <c r="D619" s="202"/>
      <c r="E619" s="202"/>
      <c r="F619" s="202"/>
      <c r="G619" s="202"/>
      <c r="H619" s="202"/>
      <c r="I619" s="203"/>
    </row>
    <row r="620" spans="1:9" x14ac:dyDescent="0.2">
      <c r="B620" s="52"/>
      <c r="C620" s="52"/>
      <c r="D620" s="52"/>
      <c r="E620" s="52"/>
      <c r="F620" s="52"/>
      <c r="G620" s="52"/>
      <c r="H620" s="52"/>
      <c r="I620" s="52"/>
    </row>
    <row r="621" spans="1:9" x14ac:dyDescent="0.2">
      <c r="B621" s="52"/>
      <c r="C621" s="52"/>
      <c r="D621" s="52"/>
      <c r="E621" s="52"/>
      <c r="F621" s="52"/>
      <c r="G621" s="52"/>
      <c r="H621" s="52"/>
      <c r="I621" s="52"/>
    </row>
    <row r="622" spans="1:9" x14ac:dyDescent="0.2">
      <c r="A622" s="37" t="str">
        <f>IF(B622="","","名称")</f>
        <v>名称</v>
      </c>
      <c r="B622" s="214" t="s">
        <v>181</v>
      </c>
      <c r="C622" s="184"/>
      <c r="D622" s="184"/>
      <c r="E622" s="184"/>
      <c r="F622" s="184"/>
      <c r="G622" s="184"/>
      <c r="H622" s="184"/>
      <c r="I622" s="184"/>
    </row>
    <row r="623" spans="1:9" x14ac:dyDescent="0.2">
      <c r="A623" s="85" t="str">
        <f>IF(B622="","","内容")</f>
        <v>内容</v>
      </c>
      <c r="B623" s="219" t="s">
        <v>403</v>
      </c>
      <c r="C623" s="220"/>
      <c r="D623" s="186"/>
      <c r="E623" s="186"/>
      <c r="F623" s="186"/>
      <c r="G623" s="186"/>
      <c r="H623" s="186"/>
      <c r="I623" s="189"/>
    </row>
    <row r="624" spans="1:9" x14ac:dyDescent="0.2">
      <c r="A624" s="86"/>
      <c r="B624" s="221"/>
      <c r="C624" s="222"/>
      <c r="D624" s="188"/>
      <c r="E624" s="188"/>
      <c r="F624" s="188"/>
      <c r="G624" s="188"/>
      <c r="H624" s="188"/>
      <c r="I624" s="190"/>
    </row>
    <row r="625" spans="1:9" x14ac:dyDescent="0.2">
      <c r="A625" s="38" t="str">
        <f>IF(B622="","","（備考）")</f>
        <v>（備考）</v>
      </c>
      <c r="B625" s="207" t="s">
        <v>182</v>
      </c>
      <c r="C625" s="208"/>
      <c r="D625" s="198"/>
      <c r="E625" s="198"/>
      <c r="F625" s="198"/>
      <c r="G625" s="198"/>
      <c r="H625" s="198"/>
      <c r="I625" s="199"/>
    </row>
    <row r="626" spans="1:9" x14ac:dyDescent="0.2">
      <c r="A626" s="37" t="str">
        <f>IF(B622="","","連絡先")</f>
        <v>連絡先</v>
      </c>
      <c r="B626" s="43" t="s">
        <v>183</v>
      </c>
      <c r="C626" s="54"/>
      <c r="D626" s="40" t="s">
        <v>99</v>
      </c>
      <c r="E626" s="54"/>
      <c r="F626" s="54"/>
      <c r="G626" s="54"/>
      <c r="H626" s="54"/>
      <c r="I626" s="55"/>
    </row>
    <row r="627" spans="1:9" x14ac:dyDescent="0.2">
      <c r="A627" s="99" t="str">
        <f>IF(B622="","","URL")</f>
        <v>URL</v>
      </c>
      <c r="B627" s="101" t="s">
        <v>379</v>
      </c>
      <c r="C627" s="200"/>
      <c r="D627" s="200"/>
      <c r="E627" s="200"/>
      <c r="F627" s="200"/>
      <c r="G627" s="200"/>
      <c r="H627" s="200"/>
      <c r="I627" s="200"/>
    </row>
    <row r="628" spans="1:9" x14ac:dyDescent="0.2">
      <c r="A628" s="100"/>
      <c r="B628" s="201"/>
      <c r="C628" s="202"/>
      <c r="D628" s="202"/>
      <c r="E628" s="202"/>
      <c r="F628" s="202"/>
      <c r="G628" s="202"/>
      <c r="H628" s="202"/>
      <c r="I628" s="203"/>
    </row>
    <row r="631" spans="1:9" x14ac:dyDescent="0.2">
      <c r="A631" s="37" t="str">
        <f>IF(B631="","","名称")</f>
        <v/>
      </c>
      <c r="B631" s="84"/>
      <c r="C631" s="84"/>
      <c r="D631" s="84"/>
      <c r="E631" s="84"/>
      <c r="F631" s="84"/>
      <c r="G631" s="84"/>
      <c r="H631" s="84"/>
      <c r="I631" s="84"/>
    </row>
    <row r="632" spans="1:9" x14ac:dyDescent="0.2">
      <c r="A632" s="85" t="str">
        <f>IF(B631="","","内容")</f>
        <v/>
      </c>
      <c r="B632" s="87"/>
      <c r="C632" s="88"/>
      <c r="D632" s="91"/>
      <c r="E632" s="91"/>
      <c r="F632" s="91"/>
      <c r="G632" s="91"/>
      <c r="H632" s="91"/>
      <c r="I632" s="93"/>
    </row>
    <row r="633" spans="1:9" x14ac:dyDescent="0.2">
      <c r="A633" s="86"/>
      <c r="B633" s="89"/>
      <c r="C633" s="90"/>
      <c r="D633" s="92"/>
      <c r="E633" s="92"/>
      <c r="F633" s="92"/>
      <c r="G633" s="92"/>
      <c r="H633" s="92"/>
      <c r="I633" s="94"/>
    </row>
    <row r="634" spans="1:9" x14ac:dyDescent="0.2">
      <c r="A634" s="38" t="str">
        <f>IF(B631="","","（備考）")</f>
        <v/>
      </c>
      <c r="B634" s="116"/>
      <c r="C634" s="97"/>
      <c r="D634" s="97"/>
      <c r="E634" s="97"/>
      <c r="F634" s="97"/>
      <c r="G634" s="97"/>
      <c r="H634" s="97"/>
      <c r="I634" s="98"/>
    </row>
    <row r="635" spans="1:9" x14ac:dyDescent="0.2">
      <c r="A635" s="37" t="str">
        <f>IF(B631="","","連絡先")</f>
        <v/>
      </c>
      <c r="B635" s="42"/>
      <c r="C635" s="40"/>
      <c r="D635" s="40"/>
      <c r="E635" s="40"/>
      <c r="F635" s="40"/>
      <c r="G635" s="40"/>
      <c r="H635" s="40"/>
      <c r="I635" s="41"/>
    </row>
    <row r="636" spans="1:9" x14ac:dyDescent="0.2">
      <c r="A636" s="99" t="str">
        <f>IF(B631="","","URL")</f>
        <v/>
      </c>
      <c r="B636" s="101"/>
      <c r="C636" s="101"/>
      <c r="D636" s="101"/>
      <c r="E636" s="101"/>
      <c r="F636" s="101"/>
      <c r="G636" s="101"/>
      <c r="H636" s="101"/>
      <c r="I636" s="101"/>
    </row>
    <row r="637" spans="1:9" x14ac:dyDescent="0.2">
      <c r="A637" s="100"/>
      <c r="B637" s="102"/>
      <c r="C637" s="103"/>
      <c r="D637" s="103"/>
      <c r="E637" s="103"/>
      <c r="F637" s="103"/>
      <c r="G637" s="103"/>
      <c r="H637" s="103"/>
      <c r="I637" s="104"/>
    </row>
    <row r="640" spans="1:9" x14ac:dyDescent="0.2">
      <c r="A640" s="37" t="str">
        <f>IF(B640="","","名称")</f>
        <v/>
      </c>
      <c r="B640" s="84"/>
      <c r="C640" s="84"/>
      <c r="D640" s="84"/>
      <c r="E640" s="84"/>
      <c r="F640" s="84"/>
      <c r="G640" s="84"/>
      <c r="H640" s="84"/>
      <c r="I640" s="84"/>
    </row>
    <row r="641" spans="1:9" x14ac:dyDescent="0.2">
      <c r="A641" s="85" t="str">
        <f>IF(B640="","","内容")</f>
        <v/>
      </c>
      <c r="B641" s="87"/>
      <c r="C641" s="88"/>
      <c r="D641" s="91"/>
      <c r="E641" s="91"/>
      <c r="F641" s="91"/>
      <c r="G641" s="91"/>
      <c r="H641" s="91"/>
      <c r="I641" s="93"/>
    </row>
    <row r="642" spans="1:9" x14ac:dyDescent="0.2">
      <c r="A642" s="86"/>
      <c r="B642" s="89"/>
      <c r="C642" s="90"/>
      <c r="D642" s="92"/>
      <c r="E642" s="92"/>
      <c r="F642" s="92"/>
      <c r="G642" s="92"/>
      <c r="H642" s="92"/>
      <c r="I642" s="94"/>
    </row>
    <row r="643" spans="1:9" x14ac:dyDescent="0.2">
      <c r="A643" s="38" t="str">
        <f>IF(B640="","","（備考）")</f>
        <v/>
      </c>
      <c r="B643" s="116"/>
      <c r="C643" s="97"/>
      <c r="D643" s="97"/>
      <c r="E643" s="97"/>
      <c r="F643" s="97"/>
      <c r="G643" s="97"/>
      <c r="H643" s="97"/>
      <c r="I643" s="98"/>
    </row>
    <row r="644" spans="1:9" x14ac:dyDescent="0.2">
      <c r="A644" s="37" t="str">
        <f>IF(B640="","","連絡先")</f>
        <v/>
      </c>
      <c r="B644" s="42"/>
      <c r="C644" s="40"/>
      <c r="D644" s="40"/>
      <c r="E644" s="40"/>
      <c r="F644" s="40"/>
      <c r="G644" s="40"/>
      <c r="H644" s="40"/>
      <c r="I644" s="41"/>
    </row>
    <row r="645" spans="1:9" x14ac:dyDescent="0.2">
      <c r="A645" s="99" t="str">
        <f>IF(B640="","","URL")</f>
        <v/>
      </c>
      <c r="B645" s="101"/>
      <c r="C645" s="101"/>
      <c r="D645" s="101"/>
      <c r="E645" s="101"/>
      <c r="F645" s="101"/>
      <c r="G645" s="101"/>
      <c r="H645" s="101"/>
      <c r="I645" s="101"/>
    </row>
    <row r="646" spans="1:9" x14ac:dyDescent="0.2">
      <c r="A646" s="100"/>
      <c r="B646" s="102"/>
      <c r="C646" s="103"/>
      <c r="D646" s="103"/>
      <c r="E646" s="103"/>
      <c r="F646" s="103"/>
      <c r="G646" s="103"/>
      <c r="H646" s="103"/>
      <c r="I646" s="104"/>
    </row>
    <row r="650" spans="1:9" ht="13.5" customHeight="1" x14ac:dyDescent="0.2">
      <c r="A650" s="107" t="s">
        <v>184</v>
      </c>
      <c r="B650" s="107"/>
      <c r="C650" s="107"/>
      <c r="D650" s="107"/>
      <c r="E650" s="107"/>
      <c r="F650" s="107"/>
      <c r="G650" s="107"/>
      <c r="H650" s="107"/>
      <c r="I650" s="107"/>
    </row>
    <row r="651" spans="1:9" ht="13.5" customHeight="1" x14ac:dyDescent="0.2">
      <c r="A651" s="107"/>
      <c r="B651" s="107"/>
      <c r="C651" s="107"/>
      <c r="D651" s="107"/>
      <c r="E651" s="107"/>
      <c r="F651" s="107"/>
      <c r="G651" s="107"/>
      <c r="H651" s="107"/>
      <c r="I651" s="107"/>
    </row>
    <row r="654" spans="1:9" x14ac:dyDescent="0.2">
      <c r="A654" s="37" t="str">
        <f>IF(B654="","","名称")</f>
        <v>名称</v>
      </c>
      <c r="B654" s="84" t="s">
        <v>188</v>
      </c>
      <c r="C654" s="84"/>
      <c r="D654" s="84"/>
      <c r="E654" s="84"/>
      <c r="F654" s="84"/>
      <c r="G654" s="84"/>
      <c r="H654" s="84"/>
      <c r="I654" s="84"/>
    </row>
    <row r="655" spans="1:9" x14ac:dyDescent="0.2">
      <c r="A655" s="85" t="str">
        <f>IF(B654="","","内容")</f>
        <v>内容</v>
      </c>
      <c r="B655" s="87" t="s">
        <v>109</v>
      </c>
      <c r="C655" s="88"/>
      <c r="D655" s="91"/>
      <c r="E655" s="91"/>
      <c r="F655" s="91"/>
      <c r="G655" s="91"/>
      <c r="H655" s="91"/>
      <c r="I655" s="93"/>
    </row>
    <row r="656" spans="1:9" x14ac:dyDescent="0.2">
      <c r="A656" s="86"/>
      <c r="B656" s="89"/>
      <c r="C656" s="90"/>
      <c r="D656" s="92"/>
      <c r="E656" s="92"/>
      <c r="F656" s="92"/>
      <c r="G656" s="92"/>
      <c r="H656" s="92"/>
      <c r="I656" s="94"/>
    </row>
    <row r="657" spans="1:9" x14ac:dyDescent="0.2">
      <c r="A657" s="38" t="str">
        <f>IF(B654="","","（備考）")</f>
        <v>（備考）</v>
      </c>
      <c r="B657" s="108"/>
      <c r="C657" s="109"/>
      <c r="D657" s="97"/>
      <c r="E657" s="97"/>
      <c r="F657" s="97"/>
      <c r="G657" s="97"/>
      <c r="H657" s="97"/>
      <c r="I657" s="98"/>
    </row>
    <row r="658" spans="1:9" x14ac:dyDescent="0.2">
      <c r="A658" s="37" t="str">
        <f>IF(B654="","","連絡先")</f>
        <v>連絡先</v>
      </c>
      <c r="B658" s="43" t="s">
        <v>189</v>
      </c>
      <c r="C658" s="40"/>
      <c r="D658" s="54" t="s">
        <v>178</v>
      </c>
      <c r="E658" s="40"/>
      <c r="F658" s="40"/>
      <c r="G658" s="40"/>
      <c r="H658" s="40"/>
      <c r="I658" s="41"/>
    </row>
    <row r="659" spans="1:9" x14ac:dyDescent="0.2">
      <c r="A659" s="99" t="str">
        <f>IF(B654="","","URL")</f>
        <v>URL</v>
      </c>
      <c r="B659" s="101" t="s">
        <v>187</v>
      </c>
      <c r="C659" s="101"/>
      <c r="D659" s="101"/>
      <c r="E659" s="101"/>
      <c r="F659" s="101"/>
      <c r="G659" s="101"/>
      <c r="H659" s="101"/>
      <c r="I659" s="101"/>
    </row>
    <row r="660" spans="1:9" x14ac:dyDescent="0.2">
      <c r="A660" s="100"/>
      <c r="B660" s="102"/>
      <c r="C660" s="103"/>
      <c r="D660" s="103"/>
      <c r="E660" s="103"/>
      <c r="F660" s="103"/>
      <c r="G660" s="103"/>
      <c r="H660" s="103"/>
      <c r="I660" s="104"/>
    </row>
    <row r="663" spans="1:9" x14ac:dyDescent="0.2">
      <c r="A663" s="37" t="str">
        <f>IF(B663="","","名称")</f>
        <v>名称</v>
      </c>
      <c r="B663" s="84" t="s">
        <v>185</v>
      </c>
      <c r="C663" s="84"/>
      <c r="D663" s="84"/>
      <c r="E663" s="84"/>
      <c r="F663" s="84"/>
      <c r="G663" s="84"/>
      <c r="H663" s="84"/>
      <c r="I663" s="84"/>
    </row>
    <row r="664" spans="1:9" x14ac:dyDescent="0.2">
      <c r="A664" s="85" t="str">
        <f>IF(B663="","","内容")</f>
        <v>内容</v>
      </c>
      <c r="B664" s="87" t="s">
        <v>14</v>
      </c>
      <c r="C664" s="88"/>
      <c r="D664" s="91"/>
      <c r="E664" s="91"/>
      <c r="F664" s="91"/>
      <c r="G664" s="91"/>
      <c r="H664" s="91"/>
      <c r="I664" s="93"/>
    </row>
    <row r="665" spans="1:9" x14ac:dyDescent="0.2">
      <c r="A665" s="86"/>
      <c r="B665" s="89"/>
      <c r="C665" s="90"/>
      <c r="D665" s="92"/>
      <c r="E665" s="92"/>
      <c r="F665" s="92"/>
      <c r="G665" s="92"/>
      <c r="H665" s="92"/>
      <c r="I665" s="94"/>
    </row>
    <row r="666" spans="1:9" x14ac:dyDescent="0.2">
      <c r="A666" s="38" t="str">
        <f>IF(B663="","","（備考）")</f>
        <v>（備考）</v>
      </c>
      <c r="B666" s="223" t="s">
        <v>498</v>
      </c>
      <c r="C666" s="224"/>
      <c r="D666" s="155"/>
      <c r="E666" s="155"/>
      <c r="F666" s="97"/>
      <c r="G666" s="97"/>
      <c r="H666" s="97"/>
      <c r="I666" s="98"/>
    </row>
    <row r="667" spans="1:9" x14ac:dyDescent="0.2">
      <c r="A667" s="37" t="str">
        <f>IF(B663="","","連絡先")</f>
        <v>連絡先</v>
      </c>
      <c r="B667" s="43" t="s">
        <v>186</v>
      </c>
      <c r="C667" s="40"/>
      <c r="D667" s="40" t="s">
        <v>106</v>
      </c>
      <c r="E667" s="40"/>
      <c r="F667" s="40"/>
      <c r="G667" s="40"/>
      <c r="H667" s="40"/>
      <c r="I667" s="41"/>
    </row>
    <row r="668" spans="1:9" x14ac:dyDescent="0.2">
      <c r="A668" s="99" t="str">
        <f>IF(B663="","","URL")</f>
        <v>URL</v>
      </c>
      <c r="B668" s="101" t="s">
        <v>187</v>
      </c>
      <c r="C668" s="101"/>
      <c r="D668" s="101"/>
      <c r="E668" s="101"/>
      <c r="F668" s="101"/>
      <c r="G668" s="101"/>
      <c r="H668" s="101"/>
      <c r="I668" s="101"/>
    </row>
    <row r="669" spans="1:9" x14ac:dyDescent="0.2">
      <c r="A669" s="100"/>
      <c r="B669" s="102"/>
      <c r="C669" s="103"/>
      <c r="D669" s="103"/>
      <c r="E669" s="103"/>
      <c r="F669" s="103"/>
      <c r="G669" s="103"/>
      <c r="H669" s="103"/>
      <c r="I669" s="104"/>
    </row>
    <row r="672" spans="1:9" x14ac:dyDescent="0.2">
      <c r="A672" s="37" t="str">
        <f>IF(B672="","","名称")</f>
        <v>名称</v>
      </c>
      <c r="B672" s="84" t="s">
        <v>380</v>
      </c>
      <c r="C672" s="84"/>
      <c r="D672" s="84"/>
      <c r="E672" s="84"/>
      <c r="F672" s="84"/>
      <c r="G672" s="84"/>
      <c r="H672" s="84"/>
      <c r="I672" s="84"/>
    </row>
    <row r="673" spans="1:9" x14ac:dyDescent="0.2">
      <c r="A673" s="85" t="str">
        <f>IF(B672="","","内容")</f>
        <v>内容</v>
      </c>
      <c r="B673" s="87" t="s">
        <v>111</v>
      </c>
      <c r="C673" s="88"/>
      <c r="D673" s="91"/>
      <c r="E673" s="91"/>
      <c r="F673" s="91"/>
      <c r="G673" s="91"/>
      <c r="H673" s="91"/>
      <c r="I673" s="93"/>
    </row>
    <row r="674" spans="1:9" x14ac:dyDescent="0.2">
      <c r="A674" s="86"/>
      <c r="B674" s="89"/>
      <c r="C674" s="90"/>
      <c r="D674" s="92"/>
      <c r="E674" s="92"/>
      <c r="F674" s="92"/>
      <c r="G674" s="92"/>
      <c r="H674" s="92"/>
      <c r="I674" s="94"/>
    </row>
    <row r="675" spans="1:9" x14ac:dyDescent="0.2">
      <c r="A675" s="38" t="str">
        <f>IF(B672="","","（備考）")</f>
        <v>（備考）</v>
      </c>
      <c r="B675" s="95" t="s">
        <v>190</v>
      </c>
      <c r="C675" s="96"/>
      <c r="D675" s="97"/>
      <c r="E675" s="97"/>
      <c r="F675" s="97"/>
      <c r="G675" s="97"/>
      <c r="H675" s="97"/>
      <c r="I675" s="98"/>
    </row>
    <row r="676" spans="1:9" x14ac:dyDescent="0.2">
      <c r="A676" s="37" t="str">
        <f>IF(B672="","","連絡先")</f>
        <v>連絡先</v>
      </c>
      <c r="B676" s="43" t="s">
        <v>381</v>
      </c>
      <c r="C676" s="40"/>
      <c r="D676" s="56" t="s">
        <v>106</v>
      </c>
      <c r="E676" s="57"/>
      <c r="F676" s="40"/>
      <c r="G676" s="40"/>
      <c r="H676" s="40"/>
      <c r="I676" s="41"/>
    </row>
    <row r="677" spans="1:9" x14ac:dyDescent="0.2">
      <c r="A677" s="99" t="str">
        <f>IF(B672="","","URL")</f>
        <v>URL</v>
      </c>
      <c r="B677" s="101" t="s">
        <v>187</v>
      </c>
      <c r="C677" s="101"/>
      <c r="D677" s="101"/>
      <c r="E677" s="101"/>
      <c r="F677" s="101"/>
      <c r="G677" s="101"/>
      <c r="H677" s="101"/>
      <c r="I677" s="101"/>
    </row>
    <row r="678" spans="1:9" x14ac:dyDescent="0.2">
      <c r="A678" s="100"/>
      <c r="B678" s="102"/>
      <c r="C678" s="103"/>
      <c r="D678" s="103"/>
      <c r="E678" s="103"/>
      <c r="F678" s="103"/>
      <c r="G678" s="103"/>
      <c r="H678" s="103"/>
      <c r="I678" s="104"/>
    </row>
    <row r="681" spans="1:9" x14ac:dyDescent="0.2">
      <c r="A681" s="37" t="str">
        <f>IF(B681="","","名称")</f>
        <v>名称</v>
      </c>
      <c r="B681" s="84" t="s">
        <v>382</v>
      </c>
      <c r="C681" s="84"/>
      <c r="D681" s="84"/>
      <c r="E681" s="84"/>
      <c r="F681" s="84"/>
      <c r="G681" s="84"/>
      <c r="H681" s="84"/>
      <c r="I681" s="84"/>
    </row>
    <row r="682" spans="1:9" x14ac:dyDescent="0.2">
      <c r="A682" s="85" t="str">
        <f>IF(B681="","","内容")</f>
        <v>内容</v>
      </c>
      <c r="B682" s="87" t="s">
        <v>122</v>
      </c>
      <c r="C682" s="88"/>
      <c r="D682" s="91"/>
      <c r="E682" s="91"/>
      <c r="F682" s="91"/>
      <c r="G682" s="91"/>
      <c r="H682" s="91"/>
      <c r="I682" s="93"/>
    </row>
    <row r="683" spans="1:9" x14ac:dyDescent="0.2">
      <c r="A683" s="86"/>
      <c r="B683" s="89"/>
      <c r="C683" s="90"/>
      <c r="D683" s="92"/>
      <c r="E683" s="92"/>
      <c r="F683" s="92"/>
      <c r="G683" s="92"/>
      <c r="H683" s="92"/>
      <c r="I683" s="94"/>
    </row>
    <row r="684" spans="1:9" x14ac:dyDescent="0.2">
      <c r="A684" s="38" t="str">
        <f>IF(B681="","","（備考）")</f>
        <v>（備考）</v>
      </c>
      <c r="B684" s="172" t="s">
        <v>499</v>
      </c>
      <c r="C684" s="173"/>
      <c r="D684" s="97"/>
      <c r="E684" s="97"/>
      <c r="F684" s="97"/>
      <c r="G684" s="97"/>
      <c r="H684" s="97"/>
      <c r="I684" s="98"/>
    </row>
    <row r="685" spans="1:9" x14ac:dyDescent="0.2">
      <c r="A685" s="37" t="str">
        <f>IF(B681="","","連絡先")</f>
        <v>連絡先</v>
      </c>
      <c r="B685" s="43" t="s">
        <v>383</v>
      </c>
      <c r="C685" s="40"/>
      <c r="D685" s="40" t="s">
        <v>178</v>
      </c>
      <c r="E685" s="40"/>
      <c r="F685" s="40"/>
      <c r="G685" s="40"/>
      <c r="H685" s="40"/>
      <c r="I685" s="41"/>
    </row>
    <row r="686" spans="1:9" x14ac:dyDescent="0.2">
      <c r="A686" s="99" t="str">
        <f>IF(B681="","","URL")</f>
        <v>URL</v>
      </c>
      <c r="B686" s="101" t="s">
        <v>187</v>
      </c>
      <c r="C686" s="101"/>
      <c r="D686" s="101"/>
      <c r="E686" s="101"/>
      <c r="F686" s="101"/>
      <c r="G686" s="101"/>
      <c r="H686" s="101"/>
      <c r="I686" s="101"/>
    </row>
    <row r="687" spans="1:9" x14ac:dyDescent="0.2">
      <c r="A687" s="100"/>
      <c r="B687" s="102"/>
      <c r="C687" s="103"/>
      <c r="D687" s="103"/>
      <c r="E687" s="103"/>
      <c r="F687" s="103"/>
      <c r="G687" s="103"/>
      <c r="H687" s="103"/>
      <c r="I687" s="104"/>
    </row>
    <row r="690" spans="1:9" x14ac:dyDescent="0.2">
      <c r="A690" s="37"/>
      <c r="B690" s="84"/>
      <c r="C690" s="84"/>
      <c r="D690" s="84"/>
      <c r="E690" s="84"/>
      <c r="F690" s="84"/>
      <c r="G690" s="84"/>
      <c r="H690" s="84"/>
      <c r="I690" s="84"/>
    </row>
    <row r="691" spans="1:9" x14ac:dyDescent="0.2">
      <c r="A691" s="85"/>
      <c r="B691" s="87"/>
      <c r="C691" s="88"/>
      <c r="D691" s="91"/>
      <c r="E691" s="91"/>
      <c r="F691" s="91"/>
      <c r="G691" s="91"/>
      <c r="H691" s="91"/>
      <c r="I691" s="93"/>
    </row>
    <row r="692" spans="1:9" x14ac:dyDescent="0.2">
      <c r="A692" s="86"/>
      <c r="B692" s="89"/>
      <c r="C692" s="90"/>
      <c r="D692" s="92"/>
      <c r="E692" s="92"/>
      <c r="F692" s="92"/>
      <c r="G692" s="92"/>
      <c r="H692" s="92"/>
      <c r="I692" s="94"/>
    </row>
    <row r="693" spans="1:9" x14ac:dyDescent="0.2">
      <c r="A693" s="38"/>
      <c r="B693" s="183"/>
      <c r="C693" s="155"/>
      <c r="D693" s="97"/>
      <c r="E693" s="97"/>
      <c r="F693" s="97"/>
      <c r="G693" s="97"/>
      <c r="H693" s="97"/>
      <c r="I693" s="98"/>
    </row>
    <row r="694" spans="1:9" x14ac:dyDescent="0.2">
      <c r="A694" s="37"/>
      <c r="B694" s="43"/>
      <c r="C694" s="40"/>
      <c r="D694" s="40"/>
      <c r="E694" s="40"/>
      <c r="F694" s="40"/>
      <c r="G694" s="40"/>
      <c r="H694" s="40"/>
      <c r="I694" s="41"/>
    </row>
    <row r="695" spans="1:9" x14ac:dyDescent="0.2">
      <c r="A695" s="99"/>
      <c r="B695" s="101"/>
      <c r="C695" s="101"/>
      <c r="D695" s="101"/>
      <c r="E695" s="101"/>
      <c r="F695" s="101"/>
      <c r="G695" s="101"/>
      <c r="H695" s="101"/>
      <c r="I695" s="101"/>
    </row>
    <row r="696" spans="1:9" x14ac:dyDescent="0.2">
      <c r="A696" s="100"/>
      <c r="B696" s="102"/>
      <c r="C696" s="103"/>
      <c r="D696" s="103"/>
      <c r="E696" s="103"/>
      <c r="F696" s="103"/>
      <c r="G696" s="103"/>
      <c r="H696" s="103"/>
      <c r="I696" s="104"/>
    </row>
    <row r="699" spans="1:9" x14ac:dyDescent="0.2">
      <c r="A699" s="37"/>
      <c r="B699" s="84"/>
      <c r="C699" s="84"/>
      <c r="D699" s="84"/>
      <c r="E699" s="84"/>
      <c r="F699" s="84"/>
      <c r="G699" s="84"/>
      <c r="H699" s="84"/>
      <c r="I699" s="84"/>
    </row>
    <row r="700" spans="1:9" x14ac:dyDescent="0.2">
      <c r="A700" s="85"/>
      <c r="B700" s="87"/>
      <c r="C700" s="88"/>
      <c r="D700" s="91"/>
      <c r="E700" s="91"/>
      <c r="F700" s="91"/>
      <c r="G700" s="91"/>
      <c r="H700" s="91"/>
      <c r="I700" s="93"/>
    </row>
    <row r="701" spans="1:9" x14ac:dyDescent="0.2">
      <c r="A701" s="86"/>
      <c r="B701" s="89"/>
      <c r="C701" s="90"/>
      <c r="D701" s="92"/>
      <c r="E701" s="92"/>
      <c r="F701" s="92"/>
      <c r="G701" s="92"/>
      <c r="H701" s="92"/>
      <c r="I701" s="94"/>
    </row>
    <row r="702" spans="1:9" x14ac:dyDescent="0.2">
      <c r="A702" s="38"/>
      <c r="B702" s="183"/>
      <c r="C702" s="155"/>
      <c r="D702" s="155"/>
      <c r="E702" s="155"/>
      <c r="F702" s="97"/>
      <c r="G702" s="97"/>
      <c r="H702" s="97"/>
      <c r="I702" s="98"/>
    </row>
    <row r="703" spans="1:9" x14ac:dyDescent="0.2">
      <c r="A703" s="37"/>
      <c r="B703" s="43"/>
      <c r="C703" s="40"/>
      <c r="D703" s="40"/>
      <c r="E703" s="40"/>
      <c r="F703" s="40"/>
      <c r="G703" s="40"/>
      <c r="H703" s="40"/>
      <c r="I703" s="41"/>
    </row>
    <row r="704" spans="1:9" x14ac:dyDescent="0.2">
      <c r="A704" s="99"/>
      <c r="B704" s="101"/>
      <c r="C704" s="101"/>
      <c r="D704" s="101"/>
      <c r="E704" s="101"/>
      <c r="F704" s="101"/>
      <c r="G704" s="101"/>
      <c r="H704" s="101"/>
      <c r="I704" s="101"/>
    </row>
    <row r="705" spans="1:9" x14ac:dyDescent="0.2">
      <c r="A705" s="100"/>
      <c r="B705" s="102"/>
      <c r="C705" s="103"/>
      <c r="D705" s="103"/>
      <c r="E705" s="103"/>
      <c r="F705" s="103"/>
      <c r="G705" s="103"/>
      <c r="H705" s="103"/>
      <c r="I705" s="104"/>
    </row>
    <row r="709" spans="1:9" ht="13.5" customHeight="1" x14ac:dyDescent="0.2">
      <c r="A709" s="107" t="s">
        <v>191</v>
      </c>
      <c r="B709" s="107"/>
      <c r="C709" s="107"/>
      <c r="D709" s="107"/>
      <c r="E709" s="107"/>
      <c r="F709" s="107"/>
      <c r="G709" s="107"/>
      <c r="H709" s="107"/>
      <c r="I709" s="107"/>
    </row>
    <row r="710" spans="1:9" ht="13.5" customHeight="1" x14ac:dyDescent="0.2">
      <c r="A710" s="107"/>
      <c r="B710" s="107"/>
      <c r="C710" s="107"/>
      <c r="D710" s="107"/>
      <c r="E710" s="107"/>
      <c r="F710" s="107"/>
      <c r="G710" s="107"/>
      <c r="H710" s="107"/>
      <c r="I710" s="107"/>
    </row>
    <row r="713" spans="1:9" x14ac:dyDescent="0.2">
      <c r="A713" s="37" t="str">
        <f>IF(B713="","","名称")</f>
        <v>名称</v>
      </c>
      <c r="B713" s="84" t="s">
        <v>404</v>
      </c>
      <c r="C713" s="84"/>
      <c r="D713" s="84"/>
      <c r="E713" s="84"/>
      <c r="F713" s="84"/>
      <c r="G713" s="84"/>
      <c r="H713" s="84"/>
      <c r="I713" s="84"/>
    </row>
    <row r="714" spans="1:9" x14ac:dyDescent="0.2">
      <c r="A714" s="85" t="str">
        <f>IF(B713="","","内容")</f>
        <v>内容</v>
      </c>
      <c r="B714" s="87" t="s">
        <v>109</v>
      </c>
      <c r="C714" s="88"/>
      <c r="D714" s="91"/>
      <c r="E714" s="91"/>
      <c r="F714" s="91"/>
      <c r="G714" s="91"/>
      <c r="H714" s="91"/>
      <c r="I714" s="93"/>
    </row>
    <row r="715" spans="1:9" x14ac:dyDescent="0.2">
      <c r="A715" s="86"/>
      <c r="B715" s="89"/>
      <c r="C715" s="90"/>
      <c r="D715" s="92"/>
      <c r="E715" s="92"/>
      <c r="F715" s="92"/>
      <c r="G715" s="92"/>
      <c r="H715" s="92"/>
      <c r="I715" s="94"/>
    </row>
    <row r="716" spans="1:9" x14ac:dyDescent="0.2">
      <c r="A716" s="38" t="str">
        <f>IF(B713="","","（備考）")</f>
        <v>（備考）</v>
      </c>
      <c r="B716" s="108" t="s">
        <v>517</v>
      </c>
      <c r="C716" s="109"/>
      <c r="D716" s="97"/>
      <c r="E716" s="97"/>
      <c r="F716" s="97"/>
      <c r="G716" s="97"/>
      <c r="H716" s="97"/>
      <c r="I716" s="98"/>
    </row>
    <row r="717" spans="1:9" x14ac:dyDescent="0.2">
      <c r="A717" s="37" t="str">
        <f>IF(B713="","","連絡先")</f>
        <v>連絡先</v>
      </c>
      <c r="B717" s="43" t="s">
        <v>192</v>
      </c>
      <c r="C717" s="40"/>
      <c r="D717" s="54" t="s">
        <v>99</v>
      </c>
      <c r="E717" s="40"/>
      <c r="F717" s="40"/>
      <c r="G717" s="40"/>
      <c r="H717" s="40"/>
      <c r="I717" s="41"/>
    </row>
    <row r="718" spans="1:9" x14ac:dyDescent="0.2">
      <c r="A718" s="99" t="str">
        <f>IF(B713="","","URL")</f>
        <v>URL</v>
      </c>
      <c r="B718" s="101" t="s">
        <v>193</v>
      </c>
      <c r="C718" s="101"/>
      <c r="D718" s="101"/>
      <c r="E718" s="101"/>
      <c r="F718" s="101"/>
      <c r="G718" s="101"/>
      <c r="H718" s="101"/>
      <c r="I718" s="101"/>
    </row>
    <row r="719" spans="1:9" x14ac:dyDescent="0.2">
      <c r="A719" s="100"/>
      <c r="B719" s="102"/>
      <c r="C719" s="103"/>
      <c r="D719" s="103"/>
      <c r="E719" s="103"/>
      <c r="F719" s="103"/>
      <c r="G719" s="103"/>
      <c r="H719" s="103"/>
      <c r="I719" s="104"/>
    </row>
    <row r="722" spans="1:9" x14ac:dyDescent="0.2">
      <c r="A722" s="37" t="str">
        <f>IF(B722="","","名称")</f>
        <v>名称</v>
      </c>
      <c r="B722" s="84" t="s">
        <v>194</v>
      </c>
      <c r="C722" s="84"/>
      <c r="D722" s="84"/>
      <c r="E722" s="84"/>
      <c r="F722" s="84"/>
      <c r="G722" s="84"/>
      <c r="H722" s="84"/>
      <c r="I722" s="84"/>
    </row>
    <row r="723" spans="1:9" x14ac:dyDescent="0.2">
      <c r="A723" s="85" t="str">
        <f>IF(B722="","","内容")</f>
        <v>内容</v>
      </c>
      <c r="B723" s="87" t="s">
        <v>120</v>
      </c>
      <c r="C723" s="88"/>
      <c r="D723" s="91"/>
      <c r="E723" s="91"/>
      <c r="F723" s="91"/>
      <c r="G723" s="91"/>
      <c r="H723" s="91"/>
      <c r="I723" s="93"/>
    </row>
    <row r="724" spans="1:9" x14ac:dyDescent="0.2">
      <c r="A724" s="86"/>
      <c r="B724" s="89"/>
      <c r="C724" s="90"/>
      <c r="D724" s="92"/>
      <c r="E724" s="92"/>
      <c r="F724" s="92"/>
      <c r="G724" s="92"/>
      <c r="H724" s="92"/>
      <c r="I724" s="94"/>
    </row>
    <row r="725" spans="1:9" x14ac:dyDescent="0.2">
      <c r="A725" s="38" t="str">
        <f>IF(B722="","","（備考）")</f>
        <v>（備考）</v>
      </c>
      <c r="B725" s="174" t="s">
        <v>518</v>
      </c>
      <c r="C725" s="175"/>
      <c r="D725" s="97"/>
      <c r="E725" s="97"/>
      <c r="F725" s="97"/>
      <c r="G725" s="97"/>
      <c r="H725" s="97"/>
      <c r="I725" s="98"/>
    </row>
    <row r="726" spans="1:9" x14ac:dyDescent="0.2">
      <c r="A726" s="37" t="str">
        <f>IF(B722="","","連絡先")</f>
        <v>連絡先</v>
      </c>
      <c r="B726" s="43" t="s">
        <v>196</v>
      </c>
      <c r="C726" s="40"/>
      <c r="D726" s="54" t="s">
        <v>178</v>
      </c>
      <c r="E726" s="40"/>
      <c r="F726" s="40"/>
      <c r="G726" s="40"/>
      <c r="H726" s="40"/>
      <c r="I726" s="41"/>
    </row>
    <row r="727" spans="1:9" x14ac:dyDescent="0.2">
      <c r="A727" s="99" t="str">
        <f>IF(B722="","","URL")</f>
        <v>URL</v>
      </c>
      <c r="B727" s="101" t="s">
        <v>197</v>
      </c>
      <c r="C727" s="101"/>
      <c r="D727" s="101"/>
      <c r="E727" s="101"/>
      <c r="F727" s="101"/>
      <c r="G727" s="101"/>
      <c r="H727" s="101"/>
      <c r="I727" s="101"/>
    </row>
    <row r="728" spans="1:9" x14ac:dyDescent="0.2">
      <c r="A728" s="100"/>
      <c r="B728" s="102"/>
      <c r="C728" s="103"/>
      <c r="D728" s="103"/>
      <c r="E728" s="103"/>
      <c r="F728" s="103"/>
      <c r="G728" s="103"/>
      <c r="H728" s="103"/>
      <c r="I728" s="104"/>
    </row>
    <row r="731" spans="1:9" x14ac:dyDescent="0.2">
      <c r="A731" s="37" t="str">
        <f>IF(B731="","","名称")</f>
        <v>名称</v>
      </c>
      <c r="B731" s="84" t="s">
        <v>519</v>
      </c>
      <c r="C731" s="84"/>
      <c r="D731" s="84"/>
      <c r="E731" s="84"/>
      <c r="F731" s="84"/>
      <c r="G731" s="84"/>
      <c r="H731" s="84"/>
      <c r="I731" s="84"/>
    </row>
    <row r="732" spans="1:9" x14ac:dyDescent="0.2">
      <c r="A732" s="85" t="str">
        <f>IF(B731="","","内容")</f>
        <v>内容</v>
      </c>
      <c r="B732" s="87" t="s">
        <v>520</v>
      </c>
      <c r="C732" s="88"/>
      <c r="D732" s="91"/>
      <c r="E732" s="91"/>
      <c r="F732" s="91"/>
      <c r="G732" s="91"/>
      <c r="H732" s="91"/>
      <c r="I732" s="93"/>
    </row>
    <row r="733" spans="1:9" x14ac:dyDescent="0.2">
      <c r="A733" s="86"/>
      <c r="B733" s="89"/>
      <c r="C733" s="90"/>
      <c r="D733" s="92"/>
      <c r="E733" s="92"/>
      <c r="F733" s="92"/>
      <c r="G733" s="92"/>
      <c r="H733" s="92"/>
      <c r="I733" s="94"/>
    </row>
    <row r="734" spans="1:9" x14ac:dyDescent="0.2">
      <c r="A734" s="38" t="str">
        <f>IF(B731="","","（備考）")</f>
        <v>（備考）</v>
      </c>
      <c r="B734" s="211" t="s">
        <v>521</v>
      </c>
      <c r="C734" s="129"/>
      <c r="D734" s="97"/>
      <c r="E734" s="97"/>
      <c r="F734" s="97"/>
      <c r="G734" s="97"/>
      <c r="H734" s="97"/>
      <c r="I734" s="98"/>
    </row>
    <row r="735" spans="1:9" x14ac:dyDescent="0.2">
      <c r="A735" s="37" t="str">
        <f>IF(B731="","","連絡先")</f>
        <v>連絡先</v>
      </c>
      <c r="B735" s="43" t="s">
        <v>522</v>
      </c>
      <c r="C735" s="40"/>
      <c r="D735" s="54" t="s">
        <v>523</v>
      </c>
      <c r="E735" s="40"/>
      <c r="F735" s="40"/>
      <c r="G735" s="40"/>
      <c r="H735" s="40"/>
      <c r="I735" s="41"/>
    </row>
    <row r="736" spans="1:9" x14ac:dyDescent="0.2">
      <c r="A736" s="99" t="str">
        <f>IF(B731="","","URL")</f>
        <v>URL</v>
      </c>
      <c r="B736" s="101" t="s">
        <v>524</v>
      </c>
      <c r="C736" s="101"/>
      <c r="D736" s="101"/>
      <c r="E736" s="101"/>
      <c r="F736" s="101"/>
      <c r="G736" s="101"/>
      <c r="H736" s="101"/>
      <c r="I736" s="101"/>
    </row>
    <row r="737" spans="1:9" x14ac:dyDescent="0.2">
      <c r="A737" s="100"/>
      <c r="B737" s="102"/>
      <c r="C737" s="103"/>
      <c r="D737" s="103"/>
      <c r="E737" s="103"/>
      <c r="F737" s="103"/>
      <c r="G737" s="103"/>
      <c r="H737" s="103"/>
      <c r="I737" s="104"/>
    </row>
    <row r="740" spans="1:9" x14ac:dyDescent="0.2">
      <c r="A740" s="37" t="str">
        <f>IF(B740="","","名称")</f>
        <v>名称</v>
      </c>
      <c r="B740" s="231" t="s">
        <v>525</v>
      </c>
      <c r="C740" s="232"/>
      <c r="D740" s="232"/>
      <c r="E740" s="232"/>
      <c r="F740" s="232"/>
      <c r="G740" s="232"/>
      <c r="H740" s="232"/>
      <c r="I740" s="233"/>
    </row>
    <row r="741" spans="1:9" x14ac:dyDescent="0.2">
      <c r="A741" s="85" t="str">
        <f>IF(B740="","","内容")</f>
        <v>内容</v>
      </c>
      <c r="B741" s="87" t="s">
        <v>526</v>
      </c>
      <c r="C741" s="88"/>
      <c r="D741" s="91"/>
      <c r="E741" s="91"/>
      <c r="F741" s="91"/>
      <c r="G741" s="91"/>
      <c r="H741" s="91"/>
      <c r="I741" s="93"/>
    </row>
    <row r="742" spans="1:9" x14ac:dyDescent="0.2">
      <c r="A742" s="86"/>
      <c r="B742" s="89"/>
      <c r="C742" s="90"/>
      <c r="D742" s="92"/>
      <c r="E742" s="92"/>
      <c r="F742" s="92"/>
      <c r="G742" s="92"/>
      <c r="H742" s="92"/>
      <c r="I742" s="94"/>
    </row>
    <row r="743" spans="1:9" x14ac:dyDescent="0.2">
      <c r="A743" s="38" t="str">
        <f>IF(B740="","","（備考）")</f>
        <v>（備考）</v>
      </c>
      <c r="B743" s="153" t="s">
        <v>527</v>
      </c>
      <c r="C743" s="154"/>
      <c r="D743" s="97"/>
      <c r="E743" s="97"/>
      <c r="F743" s="97"/>
      <c r="G743" s="97"/>
      <c r="H743" s="97"/>
      <c r="I743" s="98"/>
    </row>
    <row r="744" spans="1:9" x14ac:dyDescent="0.2">
      <c r="A744" s="37" t="str">
        <f>IF(B740="","","連絡先")</f>
        <v>連絡先</v>
      </c>
      <c r="B744" s="43" t="s">
        <v>528</v>
      </c>
      <c r="C744" s="40"/>
      <c r="D744" s="40" t="s">
        <v>523</v>
      </c>
      <c r="E744" s="40"/>
      <c r="F744" s="40"/>
      <c r="G744" s="40"/>
      <c r="H744" s="40"/>
      <c r="I744" s="41"/>
    </row>
    <row r="745" spans="1:9" x14ac:dyDescent="0.2">
      <c r="A745" s="99" t="str">
        <f>IF(B740="","","URL")</f>
        <v>URL</v>
      </c>
      <c r="B745" s="225" t="s">
        <v>529</v>
      </c>
      <c r="C745" s="226"/>
      <c r="D745" s="226"/>
      <c r="E745" s="226"/>
      <c r="F745" s="226"/>
      <c r="G745" s="226"/>
      <c r="H745" s="226"/>
      <c r="I745" s="227"/>
    </row>
    <row r="746" spans="1:9" x14ac:dyDescent="0.2">
      <c r="A746" s="100"/>
      <c r="B746" s="228"/>
      <c r="C746" s="229"/>
      <c r="D746" s="229"/>
      <c r="E746" s="229"/>
      <c r="F746" s="229"/>
      <c r="G746" s="229"/>
      <c r="H746" s="229"/>
      <c r="I746" s="230"/>
    </row>
    <row r="749" spans="1:9" x14ac:dyDescent="0.2">
      <c r="A749" s="37" t="str">
        <f>IF(B749="","","名称")</f>
        <v/>
      </c>
      <c r="B749" s="84"/>
      <c r="C749" s="84"/>
      <c r="D749" s="84"/>
      <c r="E749" s="84"/>
      <c r="F749" s="84"/>
      <c r="G749" s="84"/>
      <c r="H749" s="84"/>
      <c r="I749" s="84"/>
    </row>
    <row r="750" spans="1:9" x14ac:dyDescent="0.2">
      <c r="A750" s="85" t="str">
        <f>IF(B749="","","内容")</f>
        <v/>
      </c>
      <c r="B750" s="87"/>
      <c r="C750" s="88"/>
      <c r="D750" s="91"/>
      <c r="E750" s="91"/>
      <c r="F750" s="91"/>
      <c r="G750" s="91"/>
      <c r="H750" s="91"/>
      <c r="I750" s="93"/>
    </row>
    <row r="751" spans="1:9" x14ac:dyDescent="0.2">
      <c r="A751" s="86"/>
      <c r="B751" s="89"/>
      <c r="C751" s="90"/>
      <c r="D751" s="92"/>
      <c r="E751" s="92"/>
      <c r="F751" s="92"/>
      <c r="G751" s="92"/>
      <c r="H751" s="92"/>
      <c r="I751" s="94"/>
    </row>
    <row r="752" spans="1:9" x14ac:dyDescent="0.2">
      <c r="A752" s="38" t="str">
        <f>IF(B749="","","（備考）")</f>
        <v/>
      </c>
      <c r="B752" s="116"/>
      <c r="C752" s="97"/>
      <c r="D752" s="97"/>
      <c r="E752" s="97"/>
      <c r="F752" s="97"/>
      <c r="G752" s="97"/>
      <c r="H752" s="97"/>
      <c r="I752" s="98"/>
    </row>
    <row r="753" spans="1:9" x14ac:dyDescent="0.2">
      <c r="A753" s="37" t="str">
        <f>IF(B749="","","連絡先")</f>
        <v/>
      </c>
      <c r="B753" s="42"/>
      <c r="C753" s="40"/>
      <c r="D753" s="40"/>
      <c r="E753" s="40"/>
      <c r="F753" s="40"/>
      <c r="G753" s="40"/>
      <c r="H753" s="40"/>
      <c r="I753" s="41"/>
    </row>
    <row r="754" spans="1:9" x14ac:dyDescent="0.2">
      <c r="A754" s="99" t="str">
        <f>IF(B749="","","URL")</f>
        <v/>
      </c>
      <c r="B754" s="101"/>
      <c r="C754" s="101"/>
      <c r="D754" s="101"/>
      <c r="E754" s="101"/>
      <c r="F754" s="101"/>
      <c r="G754" s="101"/>
      <c r="H754" s="101"/>
      <c r="I754" s="101"/>
    </row>
    <row r="755" spans="1:9" x14ac:dyDescent="0.2">
      <c r="A755" s="100"/>
      <c r="B755" s="102"/>
      <c r="C755" s="103"/>
      <c r="D755" s="103"/>
      <c r="E755" s="103"/>
      <c r="F755" s="103"/>
      <c r="G755" s="103"/>
      <c r="H755" s="103"/>
      <c r="I755" s="104"/>
    </row>
    <row r="758" spans="1:9" x14ac:dyDescent="0.2">
      <c r="A758" s="37" t="str">
        <f>IF(B758="","","名称")</f>
        <v/>
      </c>
      <c r="B758" s="84"/>
      <c r="C758" s="84"/>
      <c r="D758" s="84"/>
      <c r="E758" s="84"/>
      <c r="F758" s="84"/>
      <c r="G758" s="84"/>
      <c r="H758" s="84"/>
      <c r="I758" s="84"/>
    </row>
    <row r="759" spans="1:9" x14ac:dyDescent="0.2">
      <c r="A759" s="85" t="str">
        <f>IF(B758="","","内容")</f>
        <v/>
      </c>
      <c r="B759" s="87"/>
      <c r="C759" s="88"/>
      <c r="D759" s="91"/>
      <c r="E759" s="91"/>
      <c r="F759" s="91"/>
      <c r="G759" s="91"/>
      <c r="H759" s="91"/>
      <c r="I759" s="93"/>
    </row>
    <row r="760" spans="1:9" x14ac:dyDescent="0.2">
      <c r="A760" s="86"/>
      <c r="B760" s="89"/>
      <c r="C760" s="90"/>
      <c r="D760" s="92"/>
      <c r="E760" s="92"/>
      <c r="F760" s="92"/>
      <c r="G760" s="92"/>
      <c r="H760" s="92"/>
      <c r="I760" s="94"/>
    </row>
    <row r="761" spans="1:9" x14ac:dyDescent="0.2">
      <c r="A761" s="38" t="str">
        <f>IF(B758="","","（備考）")</f>
        <v/>
      </c>
      <c r="B761" s="116"/>
      <c r="C761" s="97"/>
      <c r="D761" s="97"/>
      <c r="E761" s="97"/>
      <c r="F761" s="97"/>
      <c r="G761" s="97"/>
      <c r="H761" s="97"/>
      <c r="I761" s="98"/>
    </row>
    <row r="762" spans="1:9" x14ac:dyDescent="0.2">
      <c r="A762" s="37" t="str">
        <f>IF(B758="","","連絡先")</f>
        <v/>
      </c>
      <c r="B762" s="42"/>
      <c r="C762" s="40"/>
      <c r="D762" s="40"/>
      <c r="E762" s="40"/>
      <c r="F762" s="40"/>
      <c r="G762" s="40"/>
      <c r="H762" s="40"/>
      <c r="I762" s="41"/>
    </row>
    <row r="763" spans="1:9" x14ac:dyDescent="0.2">
      <c r="A763" s="99" t="str">
        <f>IF(B758="","","URL")</f>
        <v/>
      </c>
      <c r="B763" s="101"/>
      <c r="C763" s="101"/>
      <c r="D763" s="101"/>
      <c r="E763" s="101"/>
      <c r="F763" s="101"/>
      <c r="G763" s="101"/>
      <c r="H763" s="101"/>
      <c r="I763" s="101"/>
    </row>
    <row r="764" spans="1:9" x14ac:dyDescent="0.2">
      <c r="A764" s="100"/>
      <c r="B764" s="102"/>
      <c r="C764" s="103"/>
      <c r="D764" s="103"/>
      <c r="E764" s="103"/>
      <c r="F764" s="103"/>
      <c r="G764" s="103"/>
      <c r="H764" s="103"/>
      <c r="I764" s="104"/>
    </row>
    <row r="768" spans="1:9" ht="13.5" customHeight="1" x14ac:dyDescent="0.2">
      <c r="A768" s="107" t="s">
        <v>198</v>
      </c>
      <c r="B768" s="107"/>
      <c r="C768" s="107"/>
      <c r="D768" s="107"/>
      <c r="E768" s="107"/>
      <c r="F768" s="107"/>
      <c r="G768" s="107"/>
      <c r="H768" s="107"/>
      <c r="I768" s="107"/>
    </row>
    <row r="769" spans="1:9" ht="13.5" customHeight="1" x14ac:dyDescent="0.2">
      <c r="A769" s="107"/>
      <c r="B769" s="107"/>
      <c r="C769" s="107"/>
      <c r="D769" s="107"/>
      <c r="E769" s="107"/>
      <c r="F769" s="107"/>
      <c r="G769" s="107"/>
      <c r="H769" s="107"/>
      <c r="I769" s="107"/>
    </row>
    <row r="772" spans="1:9" x14ac:dyDescent="0.2">
      <c r="A772" s="37" t="str">
        <f>IF(B772="","","名称")</f>
        <v>名称</v>
      </c>
      <c r="B772" s="84" t="s">
        <v>199</v>
      </c>
      <c r="C772" s="84"/>
      <c r="D772" s="84"/>
      <c r="E772" s="84"/>
      <c r="F772" s="84"/>
      <c r="G772" s="84"/>
      <c r="H772" s="84"/>
      <c r="I772" s="84"/>
    </row>
    <row r="773" spans="1:9" x14ac:dyDescent="0.2">
      <c r="A773" s="85" t="str">
        <f>IF(B772="","","内容")</f>
        <v>内容</v>
      </c>
      <c r="B773" s="87" t="s">
        <v>142</v>
      </c>
      <c r="C773" s="88"/>
      <c r="D773" s="91"/>
      <c r="E773" s="91"/>
      <c r="F773" s="91"/>
      <c r="G773" s="91"/>
      <c r="H773" s="91"/>
      <c r="I773" s="93"/>
    </row>
    <row r="774" spans="1:9" x14ac:dyDescent="0.2">
      <c r="A774" s="86"/>
      <c r="B774" s="89"/>
      <c r="C774" s="90"/>
      <c r="D774" s="92"/>
      <c r="E774" s="92"/>
      <c r="F774" s="92"/>
      <c r="G774" s="92"/>
      <c r="H774" s="92"/>
      <c r="I774" s="94"/>
    </row>
    <row r="775" spans="1:9" x14ac:dyDescent="0.2">
      <c r="A775" s="38" t="str">
        <f>IF(B772="","","（備考）")</f>
        <v>（備考）</v>
      </c>
      <c r="B775" s="95"/>
      <c r="C775" s="96"/>
      <c r="D775" s="97"/>
      <c r="E775" s="97"/>
      <c r="F775" s="97"/>
      <c r="G775" s="97"/>
      <c r="H775" s="97"/>
      <c r="I775" s="98"/>
    </row>
    <row r="776" spans="1:9" x14ac:dyDescent="0.2">
      <c r="A776" s="37" t="str">
        <f>IF(B772="","","連絡先")</f>
        <v>連絡先</v>
      </c>
      <c r="B776" s="43" t="s">
        <v>200</v>
      </c>
      <c r="C776" s="40"/>
      <c r="D776" s="54" t="s">
        <v>178</v>
      </c>
      <c r="E776" s="40"/>
      <c r="F776" s="40"/>
      <c r="G776" s="40"/>
      <c r="H776" s="40"/>
      <c r="I776" s="41"/>
    </row>
    <row r="777" spans="1:9" x14ac:dyDescent="0.2">
      <c r="A777" s="99" t="str">
        <f>IF(B772="","","URL")</f>
        <v>URL</v>
      </c>
      <c r="B777" s="101" t="s">
        <v>201</v>
      </c>
      <c r="C777" s="101"/>
      <c r="D777" s="101"/>
      <c r="E777" s="101"/>
      <c r="F777" s="101"/>
      <c r="G777" s="101"/>
      <c r="H777" s="101"/>
      <c r="I777" s="101"/>
    </row>
    <row r="778" spans="1:9" x14ac:dyDescent="0.2">
      <c r="A778" s="100"/>
      <c r="B778" s="102"/>
      <c r="C778" s="103"/>
      <c r="D778" s="103"/>
      <c r="E778" s="103"/>
      <c r="F778" s="103"/>
      <c r="G778" s="103"/>
      <c r="H778" s="103"/>
      <c r="I778" s="104"/>
    </row>
    <row r="781" spans="1:9" x14ac:dyDescent="0.2">
      <c r="A781" s="37" t="str">
        <f>IF(B781="","","名称")</f>
        <v>名称</v>
      </c>
      <c r="B781" s="84" t="s">
        <v>202</v>
      </c>
      <c r="C781" s="84"/>
      <c r="D781" s="84"/>
      <c r="E781" s="84"/>
      <c r="F781" s="84"/>
      <c r="G781" s="84"/>
      <c r="H781" s="84"/>
      <c r="I781" s="84"/>
    </row>
    <row r="782" spans="1:9" x14ac:dyDescent="0.2">
      <c r="A782" s="85" t="str">
        <f>IF(B781="","","内容")</f>
        <v>内容</v>
      </c>
      <c r="B782" s="87" t="s">
        <v>109</v>
      </c>
      <c r="C782" s="88"/>
      <c r="D782" s="91"/>
      <c r="E782" s="91"/>
      <c r="F782" s="91"/>
      <c r="G782" s="91"/>
      <c r="H782" s="91"/>
      <c r="I782" s="93"/>
    </row>
    <row r="783" spans="1:9" x14ac:dyDescent="0.2">
      <c r="A783" s="86"/>
      <c r="B783" s="89"/>
      <c r="C783" s="90"/>
      <c r="D783" s="92"/>
      <c r="E783" s="92"/>
      <c r="F783" s="92"/>
      <c r="G783" s="92"/>
      <c r="H783" s="92"/>
      <c r="I783" s="94"/>
    </row>
    <row r="784" spans="1:9" x14ac:dyDescent="0.2">
      <c r="A784" s="38" t="str">
        <f>IF(B781="","","（備考）")</f>
        <v>（備考）</v>
      </c>
      <c r="B784" s="108"/>
      <c r="C784" s="109"/>
      <c r="D784" s="97"/>
      <c r="E784" s="97"/>
      <c r="F784" s="97"/>
      <c r="G784" s="97"/>
      <c r="H784" s="97"/>
      <c r="I784" s="98"/>
    </row>
    <row r="785" spans="1:9" x14ac:dyDescent="0.2">
      <c r="A785" s="37" t="str">
        <f>IF(B781="","","連絡先")</f>
        <v>連絡先</v>
      </c>
      <c r="B785" s="43" t="s">
        <v>203</v>
      </c>
      <c r="C785" s="40"/>
      <c r="D785" s="54" t="s">
        <v>178</v>
      </c>
      <c r="E785" s="40"/>
      <c r="F785" s="40"/>
      <c r="G785" s="40"/>
      <c r="H785" s="40"/>
      <c r="I785" s="41"/>
    </row>
    <row r="786" spans="1:9" x14ac:dyDescent="0.2">
      <c r="A786" s="99" t="str">
        <f>IF(B781="","","URL")</f>
        <v>URL</v>
      </c>
      <c r="B786" s="101" t="s">
        <v>204</v>
      </c>
      <c r="C786" s="101"/>
      <c r="D786" s="101"/>
      <c r="E786" s="101"/>
      <c r="F786" s="101"/>
      <c r="G786" s="101"/>
      <c r="H786" s="101"/>
      <c r="I786" s="101"/>
    </row>
    <row r="787" spans="1:9" x14ac:dyDescent="0.2">
      <c r="A787" s="100"/>
      <c r="B787" s="102"/>
      <c r="C787" s="103"/>
      <c r="D787" s="103"/>
      <c r="E787" s="103"/>
      <c r="F787" s="103"/>
      <c r="G787" s="103"/>
      <c r="H787" s="103"/>
      <c r="I787" s="104"/>
    </row>
    <row r="790" spans="1:9" x14ac:dyDescent="0.2">
      <c r="A790" s="37" t="str">
        <f>IF(B790="","","名称")</f>
        <v>名称</v>
      </c>
      <c r="B790" s="84" t="s">
        <v>205</v>
      </c>
      <c r="C790" s="84"/>
      <c r="D790" s="84"/>
      <c r="E790" s="84"/>
      <c r="F790" s="84"/>
      <c r="G790" s="84"/>
      <c r="H790" s="84"/>
      <c r="I790" s="84"/>
    </row>
    <row r="791" spans="1:9" x14ac:dyDescent="0.2">
      <c r="A791" s="85" t="str">
        <f>IF(B790="","","内容")</f>
        <v>内容</v>
      </c>
      <c r="B791" s="87" t="s">
        <v>206</v>
      </c>
      <c r="C791" s="88"/>
      <c r="D791" s="91"/>
      <c r="E791" s="91"/>
      <c r="F791" s="91"/>
      <c r="G791" s="91"/>
      <c r="H791" s="91"/>
      <c r="I791" s="93"/>
    </row>
    <row r="792" spans="1:9" x14ac:dyDescent="0.2">
      <c r="A792" s="86"/>
      <c r="B792" s="89"/>
      <c r="C792" s="90"/>
      <c r="D792" s="92"/>
      <c r="E792" s="92"/>
      <c r="F792" s="92"/>
      <c r="G792" s="92"/>
      <c r="H792" s="92"/>
      <c r="I792" s="94"/>
    </row>
    <row r="793" spans="1:9" x14ac:dyDescent="0.2">
      <c r="A793" s="38" t="str">
        <f>IF(B790="","","（備考）")</f>
        <v>（備考）</v>
      </c>
      <c r="B793" s="174"/>
      <c r="C793" s="175"/>
      <c r="D793" s="97"/>
      <c r="E793" s="97"/>
      <c r="F793" s="97"/>
      <c r="G793" s="97"/>
      <c r="H793" s="97"/>
      <c r="I793" s="98"/>
    </row>
    <row r="794" spans="1:9" x14ac:dyDescent="0.2">
      <c r="A794" s="37" t="str">
        <f>IF(B790="","","連絡先")</f>
        <v>連絡先</v>
      </c>
      <c r="B794" s="43" t="s">
        <v>207</v>
      </c>
      <c r="C794" s="40"/>
      <c r="D794" s="54" t="s">
        <v>178</v>
      </c>
      <c r="E794" s="40"/>
      <c r="F794" s="40"/>
      <c r="G794" s="40"/>
      <c r="H794" s="40"/>
      <c r="I794" s="41"/>
    </row>
    <row r="795" spans="1:9" x14ac:dyDescent="0.2">
      <c r="A795" s="99" t="str">
        <f>IF(B790="","","URL")</f>
        <v>URL</v>
      </c>
      <c r="B795" s="101" t="s">
        <v>208</v>
      </c>
      <c r="C795" s="101"/>
      <c r="D795" s="101"/>
      <c r="E795" s="101"/>
      <c r="F795" s="101"/>
      <c r="G795" s="101"/>
      <c r="H795" s="101"/>
      <c r="I795" s="101"/>
    </row>
    <row r="796" spans="1:9" x14ac:dyDescent="0.2">
      <c r="A796" s="100"/>
      <c r="B796" s="102"/>
      <c r="C796" s="103"/>
      <c r="D796" s="103"/>
      <c r="E796" s="103"/>
      <c r="F796" s="103"/>
      <c r="G796" s="103"/>
      <c r="H796" s="103"/>
      <c r="I796" s="104"/>
    </row>
    <row r="799" spans="1:9" x14ac:dyDescent="0.2">
      <c r="A799" s="37" t="str">
        <f>IF(B799="","","名称")</f>
        <v>名称</v>
      </c>
      <c r="B799" s="84" t="s">
        <v>209</v>
      </c>
      <c r="C799" s="84"/>
      <c r="D799" s="84"/>
      <c r="E799" s="84"/>
      <c r="F799" s="84"/>
      <c r="G799" s="84"/>
      <c r="H799" s="84"/>
      <c r="I799" s="84"/>
    </row>
    <row r="800" spans="1:9" x14ac:dyDescent="0.2">
      <c r="A800" s="85" t="str">
        <f>IF(B799="","","内容")</f>
        <v>内容</v>
      </c>
      <c r="B800" s="87" t="s">
        <v>122</v>
      </c>
      <c r="C800" s="88"/>
      <c r="D800" s="91"/>
      <c r="E800" s="91"/>
      <c r="F800" s="91"/>
      <c r="G800" s="91"/>
      <c r="H800" s="91"/>
      <c r="I800" s="93"/>
    </row>
    <row r="801" spans="1:9" x14ac:dyDescent="0.2">
      <c r="A801" s="86"/>
      <c r="B801" s="89"/>
      <c r="C801" s="90"/>
      <c r="D801" s="92"/>
      <c r="E801" s="92"/>
      <c r="F801" s="92"/>
      <c r="G801" s="92"/>
      <c r="H801" s="92"/>
      <c r="I801" s="94"/>
    </row>
    <row r="802" spans="1:9" x14ac:dyDescent="0.2">
      <c r="A802" s="38" t="str">
        <f>IF(B799="","","（備考）")</f>
        <v>（備考）</v>
      </c>
      <c r="B802" s="172"/>
      <c r="C802" s="173"/>
      <c r="D802" s="97"/>
      <c r="E802" s="97"/>
      <c r="F802" s="97"/>
      <c r="G802" s="97"/>
      <c r="H802" s="97"/>
      <c r="I802" s="98"/>
    </row>
    <row r="803" spans="1:9" x14ac:dyDescent="0.2">
      <c r="A803" s="37" t="str">
        <f>IF(B799="","","連絡先")</f>
        <v>連絡先</v>
      </c>
      <c r="B803" s="43" t="s">
        <v>210</v>
      </c>
      <c r="C803" s="40"/>
      <c r="D803" s="54" t="s">
        <v>178</v>
      </c>
      <c r="E803" s="40"/>
      <c r="F803" s="40"/>
      <c r="G803" s="40"/>
      <c r="H803" s="40"/>
      <c r="I803" s="41"/>
    </row>
    <row r="804" spans="1:9" x14ac:dyDescent="0.2">
      <c r="A804" s="99" t="str">
        <f>IF(B799="","","URL")</f>
        <v>URL</v>
      </c>
      <c r="B804" s="101" t="s">
        <v>211</v>
      </c>
      <c r="C804" s="101"/>
      <c r="D804" s="101"/>
      <c r="E804" s="101"/>
      <c r="F804" s="101"/>
      <c r="G804" s="101"/>
      <c r="H804" s="101"/>
      <c r="I804" s="101"/>
    </row>
    <row r="805" spans="1:9" x14ac:dyDescent="0.2">
      <c r="A805" s="100"/>
      <c r="B805" s="102"/>
      <c r="C805" s="103"/>
      <c r="D805" s="103"/>
      <c r="E805" s="103"/>
      <c r="F805" s="103"/>
      <c r="G805" s="103"/>
      <c r="H805" s="103"/>
      <c r="I805" s="104"/>
    </row>
    <row r="808" spans="1:9" x14ac:dyDescent="0.2">
      <c r="A808" s="37" t="str">
        <f>IF(B808="","","名称")</f>
        <v>名称</v>
      </c>
      <c r="B808" s="84" t="s">
        <v>212</v>
      </c>
      <c r="C808" s="84"/>
      <c r="D808" s="84"/>
      <c r="E808" s="84"/>
      <c r="F808" s="84"/>
      <c r="G808" s="84"/>
      <c r="H808" s="84"/>
      <c r="I808" s="84"/>
    </row>
    <row r="809" spans="1:9" x14ac:dyDescent="0.2">
      <c r="A809" s="85" t="str">
        <f>IF(B808="","","内容")</f>
        <v>内容</v>
      </c>
      <c r="B809" s="234" t="s">
        <v>213</v>
      </c>
      <c r="C809" s="235"/>
      <c r="D809" s="91"/>
      <c r="E809" s="91"/>
      <c r="F809" s="91"/>
      <c r="G809" s="91"/>
      <c r="H809" s="91"/>
      <c r="I809" s="93"/>
    </row>
    <row r="810" spans="1:9" x14ac:dyDescent="0.2">
      <c r="A810" s="86"/>
      <c r="B810" s="236"/>
      <c r="C810" s="237"/>
      <c r="D810" s="92"/>
      <c r="E810" s="92"/>
      <c r="F810" s="92"/>
      <c r="G810" s="92"/>
      <c r="H810" s="92"/>
      <c r="I810" s="94"/>
    </row>
    <row r="811" spans="1:9" x14ac:dyDescent="0.2">
      <c r="A811" s="38" t="str">
        <f>IF(B808="","","（備考）")</f>
        <v>（備考）</v>
      </c>
      <c r="B811" s="95"/>
      <c r="C811" s="96"/>
      <c r="D811" s="97"/>
      <c r="E811" s="97"/>
      <c r="F811" s="97"/>
      <c r="G811" s="97"/>
      <c r="H811" s="97"/>
      <c r="I811" s="98"/>
    </row>
    <row r="812" spans="1:9" x14ac:dyDescent="0.2">
      <c r="A812" s="37" t="str">
        <f>IF(B808="","","連絡先")</f>
        <v>連絡先</v>
      </c>
      <c r="B812" s="59" t="s">
        <v>384</v>
      </c>
      <c r="C812" s="40"/>
      <c r="D812" s="40" t="s">
        <v>385</v>
      </c>
      <c r="E812" s="46"/>
      <c r="F812" s="40"/>
      <c r="G812" s="54"/>
      <c r="H812" s="54"/>
      <c r="I812" s="41"/>
    </row>
    <row r="813" spans="1:9" x14ac:dyDescent="0.2">
      <c r="A813" s="99" t="str">
        <f>IF(B808="","","URL")</f>
        <v>URL</v>
      </c>
      <c r="B813" s="101" t="s">
        <v>214</v>
      </c>
      <c r="C813" s="101"/>
      <c r="D813" s="101"/>
      <c r="E813" s="101"/>
      <c r="F813" s="101"/>
      <c r="G813" s="101"/>
      <c r="H813" s="101"/>
      <c r="I813" s="101"/>
    </row>
    <row r="814" spans="1:9" x14ac:dyDescent="0.2">
      <c r="A814" s="100"/>
      <c r="B814" s="102"/>
      <c r="C814" s="103"/>
      <c r="D814" s="103"/>
      <c r="E814" s="103"/>
      <c r="F814" s="103"/>
      <c r="G814" s="103"/>
      <c r="H814" s="103"/>
      <c r="I814" s="104"/>
    </row>
    <row r="817" spans="1:9" x14ac:dyDescent="0.2">
      <c r="A817" s="37" t="str">
        <f>IF(B817="","","名称")</f>
        <v/>
      </c>
      <c r="B817" s="84"/>
      <c r="C817" s="84"/>
      <c r="D817" s="84"/>
      <c r="E817" s="84"/>
      <c r="F817" s="84"/>
      <c r="G817" s="84"/>
      <c r="H817" s="84"/>
      <c r="I817" s="84"/>
    </row>
    <row r="818" spans="1:9" x14ac:dyDescent="0.2">
      <c r="A818" s="85" t="str">
        <f>IF(B817="","","内容")</f>
        <v/>
      </c>
      <c r="B818" s="87"/>
      <c r="C818" s="88"/>
      <c r="D818" s="91"/>
      <c r="E818" s="91"/>
      <c r="F818" s="91"/>
      <c r="G818" s="91"/>
      <c r="H818" s="91"/>
      <c r="I818" s="93"/>
    </row>
    <row r="819" spans="1:9" x14ac:dyDescent="0.2">
      <c r="A819" s="86"/>
      <c r="B819" s="89"/>
      <c r="C819" s="90"/>
      <c r="D819" s="92"/>
      <c r="E819" s="92"/>
      <c r="F819" s="92"/>
      <c r="G819" s="92"/>
      <c r="H819" s="92"/>
      <c r="I819" s="94"/>
    </row>
    <row r="820" spans="1:9" x14ac:dyDescent="0.2">
      <c r="A820" s="38" t="str">
        <f>IF(B817="","","（備考）")</f>
        <v/>
      </c>
      <c r="B820" s="116"/>
      <c r="C820" s="97"/>
      <c r="D820" s="97"/>
      <c r="E820" s="97"/>
      <c r="F820" s="97"/>
      <c r="G820" s="97"/>
      <c r="H820" s="97"/>
      <c r="I820" s="98"/>
    </row>
    <row r="821" spans="1:9" x14ac:dyDescent="0.2">
      <c r="A821" s="37" t="str">
        <f>IF(B817="","","連絡先")</f>
        <v/>
      </c>
      <c r="B821" s="42"/>
      <c r="C821" s="40"/>
      <c r="D821" s="40"/>
      <c r="E821" s="40"/>
      <c r="F821" s="40"/>
      <c r="G821" s="40"/>
      <c r="H821" s="40"/>
      <c r="I821" s="41"/>
    </row>
    <row r="822" spans="1:9" x14ac:dyDescent="0.2">
      <c r="A822" s="99" t="str">
        <f>IF(B817="","","URL")</f>
        <v/>
      </c>
      <c r="B822" s="101"/>
      <c r="C822" s="101"/>
      <c r="D822" s="101"/>
      <c r="E822" s="101"/>
      <c r="F822" s="101"/>
      <c r="G822" s="101"/>
      <c r="H822" s="101"/>
      <c r="I822" s="101"/>
    </row>
    <row r="823" spans="1:9" x14ac:dyDescent="0.2">
      <c r="A823" s="100"/>
      <c r="B823" s="102"/>
      <c r="C823" s="103"/>
      <c r="D823" s="103"/>
      <c r="E823" s="103"/>
      <c r="F823" s="103"/>
      <c r="G823" s="103"/>
      <c r="H823" s="103"/>
      <c r="I823" s="104"/>
    </row>
    <row r="827" spans="1:9" ht="13.5" customHeight="1" x14ac:dyDescent="0.2">
      <c r="A827" s="107" t="s">
        <v>215</v>
      </c>
      <c r="B827" s="107"/>
      <c r="C827" s="107"/>
      <c r="D827" s="107"/>
      <c r="E827" s="107"/>
      <c r="F827" s="107"/>
      <c r="G827" s="107"/>
      <c r="H827" s="107"/>
      <c r="I827" s="107"/>
    </row>
    <row r="828" spans="1:9" ht="13.5" customHeight="1" x14ac:dyDescent="0.2">
      <c r="A828" s="107"/>
      <c r="B828" s="107"/>
      <c r="C828" s="107"/>
      <c r="D828" s="107"/>
      <c r="E828" s="107"/>
      <c r="F828" s="107"/>
      <c r="G828" s="107"/>
      <c r="H828" s="107"/>
      <c r="I828" s="107"/>
    </row>
    <row r="831" spans="1:9" x14ac:dyDescent="0.2">
      <c r="A831" s="37" t="str">
        <f>IF(B831="","","名称")</f>
        <v>名称</v>
      </c>
      <c r="B831" s="84" t="s">
        <v>216</v>
      </c>
      <c r="C831" s="84"/>
      <c r="D831" s="84"/>
      <c r="E831" s="84"/>
      <c r="F831" s="84"/>
      <c r="G831" s="84"/>
      <c r="H831" s="84"/>
      <c r="I831" s="84"/>
    </row>
    <row r="832" spans="1:9" x14ac:dyDescent="0.2">
      <c r="A832" s="85" t="str">
        <f>IF(B831="","","内容")</f>
        <v>内容</v>
      </c>
      <c r="B832" s="87" t="s">
        <v>109</v>
      </c>
      <c r="C832" s="88"/>
      <c r="D832" s="91"/>
      <c r="E832" s="91"/>
      <c r="F832" s="91"/>
      <c r="G832" s="91"/>
      <c r="H832" s="91"/>
      <c r="I832" s="93"/>
    </row>
    <row r="833" spans="1:9" x14ac:dyDescent="0.2">
      <c r="A833" s="86"/>
      <c r="B833" s="89"/>
      <c r="C833" s="90"/>
      <c r="D833" s="92"/>
      <c r="E833" s="92"/>
      <c r="F833" s="92"/>
      <c r="G833" s="92"/>
      <c r="H833" s="92"/>
      <c r="I833" s="94"/>
    </row>
    <row r="834" spans="1:9" x14ac:dyDescent="0.2">
      <c r="A834" s="38" t="str">
        <f>IF(B831="","","（備考）")</f>
        <v>（備考）</v>
      </c>
      <c r="B834" s="108"/>
      <c r="C834" s="109"/>
      <c r="D834" s="97"/>
      <c r="E834" s="97"/>
      <c r="F834" s="97"/>
      <c r="G834" s="97"/>
      <c r="H834" s="97"/>
      <c r="I834" s="98"/>
    </row>
    <row r="835" spans="1:9" x14ac:dyDescent="0.2">
      <c r="A835" s="37" t="str">
        <f>IF(B831="","","連絡先")</f>
        <v>連絡先</v>
      </c>
      <c r="B835" s="43" t="s">
        <v>217</v>
      </c>
      <c r="C835" s="40"/>
      <c r="D835" s="40" t="s">
        <v>99</v>
      </c>
      <c r="E835" s="40"/>
      <c r="F835" s="40"/>
      <c r="G835" s="40"/>
      <c r="H835" s="40"/>
      <c r="I835" s="41"/>
    </row>
    <row r="836" spans="1:9" x14ac:dyDescent="0.2">
      <c r="A836" s="99" t="str">
        <f>IF(B831="","","URL")</f>
        <v>URL</v>
      </c>
      <c r="B836" s="101" t="s">
        <v>218</v>
      </c>
      <c r="C836" s="101"/>
      <c r="D836" s="101"/>
      <c r="E836" s="101"/>
      <c r="F836" s="101"/>
      <c r="G836" s="101"/>
      <c r="H836" s="101"/>
      <c r="I836" s="101"/>
    </row>
    <row r="837" spans="1:9" x14ac:dyDescent="0.2">
      <c r="A837" s="100"/>
      <c r="B837" s="102"/>
      <c r="C837" s="103"/>
      <c r="D837" s="103"/>
      <c r="E837" s="103"/>
      <c r="F837" s="103"/>
      <c r="G837" s="103"/>
      <c r="H837" s="103"/>
      <c r="I837" s="104"/>
    </row>
    <row r="840" spans="1:9" x14ac:dyDescent="0.2">
      <c r="A840" s="37" t="str">
        <f>IF(B840="","","名称")</f>
        <v>名称</v>
      </c>
      <c r="B840" s="84" t="s">
        <v>219</v>
      </c>
      <c r="C840" s="84"/>
      <c r="D840" s="84"/>
      <c r="E840" s="84"/>
      <c r="F840" s="84"/>
      <c r="G840" s="84"/>
      <c r="H840" s="84"/>
      <c r="I840" s="84"/>
    </row>
    <row r="841" spans="1:9" x14ac:dyDescent="0.2">
      <c r="A841" s="85" t="str">
        <f>IF(B840="","","内容")</f>
        <v>内容</v>
      </c>
      <c r="B841" s="87" t="s">
        <v>120</v>
      </c>
      <c r="C841" s="88"/>
      <c r="D841" s="91" t="s">
        <v>115</v>
      </c>
      <c r="E841" s="91"/>
      <c r="F841" s="91"/>
      <c r="G841" s="91"/>
      <c r="H841" s="91"/>
      <c r="I841" s="93"/>
    </row>
    <row r="842" spans="1:9" x14ac:dyDescent="0.2">
      <c r="A842" s="86"/>
      <c r="B842" s="89"/>
      <c r="C842" s="90"/>
      <c r="D842" s="92"/>
      <c r="E842" s="92"/>
      <c r="F842" s="92"/>
      <c r="G842" s="92"/>
      <c r="H842" s="92"/>
      <c r="I842" s="94"/>
    </row>
    <row r="843" spans="1:9" x14ac:dyDescent="0.2">
      <c r="A843" s="38" t="str">
        <f>IF(B840="","","（備考）")</f>
        <v>（備考）</v>
      </c>
      <c r="B843" s="174" t="s">
        <v>195</v>
      </c>
      <c r="C843" s="175"/>
      <c r="D843" s="96" t="s">
        <v>220</v>
      </c>
      <c r="E843" s="96"/>
      <c r="F843" s="97"/>
      <c r="G843" s="97"/>
      <c r="H843" s="97"/>
      <c r="I843" s="98"/>
    </row>
    <row r="844" spans="1:9" x14ac:dyDescent="0.2">
      <c r="A844" s="37" t="str">
        <f>IF(B840="","","連絡先")</f>
        <v>連絡先</v>
      </c>
      <c r="B844" s="43" t="s">
        <v>217</v>
      </c>
      <c r="C844" s="40"/>
      <c r="D844" s="40" t="s">
        <v>99</v>
      </c>
      <c r="E844" s="40"/>
      <c r="F844" s="40"/>
      <c r="G844" s="40"/>
      <c r="H844" s="40"/>
      <c r="I844" s="41"/>
    </row>
    <row r="845" spans="1:9" x14ac:dyDescent="0.2">
      <c r="A845" s="99" t="str">
        <f>IF(B840="","","URL")</f>
        <v>URL</v>
      </c>
      <c r="B845" s="101" t="s">
        <v>221</v>
      </c>
      <c r="C845" s="101"/>
      <c r="D845" s="101"/>
      <c r="E845" s="101"/>
      <c r="F845" s="101"/>
      <c r="G845" s="101"/>
      <c r="H845" s="101"/>
      <c r="I845" s="101"/>
    </row>
    <row r="846" spans="1:9" x14ac:dyDescent="0.2">
      <c r="A846" s="100"/>
      <c r="B846" s="102"/>
      <c r="C846" s="103"/>
      <c r="D846" s="103"/>
      <c r="E846" s="103"/>
      <c r="F846" s="103"/>
      <c r="G846" s="103"/>
      <c r="H846" s="103"/>
      <c r="I846" s="104"/>
    </row>
    <row r="849" spans="1:9" x14ac:dyDescent="0.2">
      <c r="A849" s="37" t="str">
        <f>IF(B849="","","名称")</f>
        <v>名称</v>
      </c>
      <c r="B849" s="84" t="s">
        <v>222</v>
      </c>
      <c r="C849" s="84"/>
      <c r="D849" s="84"/>
      <c r="E849" s="84"/>
      <c r="F849" s="84"/>
      <c r="G849" s="84"/>
      <c r="H849" s="84"/>
      <c r="I849" s="84"/>
    </row>
    <row r="850" spans="1:9" x14ac:dyDescent="0.2">
      <c r="A850" s="85" t="str">
        <f>IF(B849="","","内容")</f>
        <v>内容</v>
      </c>
      <c r="B850" s="87" t="s">
        <v>122</v>
      </c>
      <c r="C850" s="88"/>
      <c r="D850" s="91"/>
      <c r="E850" s="91"/>
      <c r="F850" s="91"/>
      <c r="G850" s="91"/>
      <c r="H850" s="91"/>
      <c r="I850" s="93"/>
    </row>
    <row r="851" spans="1:9" x14ac:dyDescent="0.2">
      <c r="A851" s="86"/>
      <c r="B851" s="89"/>
      <c r="C851" s="90"/>
      <c r="D851" s="92"/>
      <c r="E851" s="92"/>
      <c r="F851" s="92"/>
      <c r="G851" s="92"/>
      <c r="H851" s="92"/>
      <c r="I851" s="94"/>
    </row>
    <row r="852" spans="1:9" x14ac:dyDescent="0.2">
      <c r="A852" s="38" t="str">
        <f>IF(B849="","","（備考）")</f>
        <v>（備考）</v>
      </c>
      <c r="B852" s="172"/>
      <c r="C852" s="173"/>
      <c r="D852" s="97"/>
      <c r="E852" s="97"/>
      <c r="F852" s="97"/>
      <c r="G852" s="97"/>
      <c r="H852" s="97"/>
      <c r="I852" s="98"/>
    </row>
    <row r="853" spans="1:9" x14ac:dyDescent="0.2">
      <c r="A853" s="37" t="str">
        <f>IF(B849="","","連絡先")</f>
        <v>連絡先</v>
      </c>
      <c r="B853" s="43" t="s">
        <v>217</v>
      </c>
      <c r="C853" s="40"/>
      <c r="D853" s="40" t="s">
        <v>99</v>
      </c>
      <c r="E853" s="40"/>
      <c r="F853" s="40"/>
      <c r="G853" s="40"/>
      <c r="H853" s="40"/>
      <c r="I853" s="41"/>
    </row>
    <row r="854" spans="1:9" x14ac:dyDescent="0.2">
      <c r="A854" s="99" t="str">
        <f>IF(B849="","","URL")</f>
        <v>URL</v>
      </c>
      <c r="B854" s="101" t="s">
        <v>223</v>
      </c>
      <c r="C854" s="101"/>
      <c r="D854" s="101"/>
      <c r="E854" s="101"/>
      <c r="F854" s="101"/>
      <c r="G854" s="101"/>
      <c r="H854" s="101"/>
      <c r="I854" s="101"/>
    </row>
    <row r="855" spans="1:9" x14ac:dyDescent="0.2">
      <c r="A855" s="100"/>
      <c r="B855" s="102"/>
      <c r="C855" s="103"/>
      <c r="D855" s="103"/>
      <c r="E855" s="103"/>
      <c r="F855" s="103"/>
      <c r="G855" s="103"/>
      <c r="H855" s="103"/>
      <c r="I855" s="104"/>
    </row>
    <row r="858" spans="1:9" x14ac:dyDescent="0.2">
      <c r="A858" s="37" t="str">
        <f>IF(B858="","","名称")</f>
        <v>名称</v>
      </c>
      <c r="B858" s="84" t="s">
        <v>224</v>
      </c>
      <c r="C858" s="84"/>
      <c r="D858" s="84"/>
      <c r="E858" s="84"/>
      <c r="F858" s="84"/>
      <c r="G858" s="84"/>
      <c r="H858" s="84"/>
      <c r="I858" s="84"/>
    </row>
    <row r="859" spans="1:9" x14ac:dyDescent="0.2">
      <c r="A859" s="85" t="str">
        <f>IF(B858="","","内容")</f>
        <v>内容</v>
      </c>
      <c r="B859" s="87" t="s">
        <v>110</v>
      </c>
      <c r="C859" s="88"/>
      <c r="D859" s="91"/>
      <c r="E859" s="91"/>
      <c r="F859" s="91"/>
      <c r="G859" s="91"/>
      <c r="H859" s="91"/>
      <c r="I859" s="93"/>
    </row>
    <row r="860" spans="1:9" x14ac:dyDescent="0.2">
      <c r="A860" s="86"/>
      <c r="B860" s="89"/>
      <c r="C860" s="90"/>
      <c r="D860" s="92"/>
      <c r="E860" s="92"/>
      <c r="F860" s="92"/>
      <c r="G860" s="92"/>
      <c r="H860" s="92"/>
      <c r="I860" s="94"/>
    </row>
    <row r="861" spans="1:9" x14ac:dyDescent="0.2">
      <c r="A861" s="38" t="str">
        <f>IF(B858="","","（備考）")</f>
        <v>（備考）</v>
      </c>
      <c r="B861" s="167" t="s">
        <v>225</v>
      </c>
      <c r="C861" s="117"/>
      <c r="D861" s="97"/>
      <c r="E861" s="97"/>
      <c r="F861" s="97"/>
      <c r="G861" s="97"/>
      <c r="H861" s="97"/>
      <c r="I861" s="98"/>
    </row>
    <row r="862" spans="1:9" x14ac:dyDescent="0.2">
      <c r="A862" s="37" t="str">
        <f>IF(B858="","","連絡先")</f>
        <v>連絡先</v>
      </c>
      <c r="B862" s="43" t="s">
        <v>217</v>
      </c>
      <c r="C862" s="40"/>
      <c r="D862" s="40" t="s">
        <v>99</v>
      </c>
      <c r="E862" s="40"/>
      <c r="F862" s="40"/>
      <c r="G862" s="40"/>
      <c r="H862" s="40"/>
      <c r="I862" s="41"/>
    </row>
    <row r="863" spans="1:9" x14ac:dyDescent="0.2">
      <c r="A863" s="99" t="str">
        <f>IF(B858="","","URL")</f>
        <v>URL</v>
      </c>
      <c r="B863" s="101" t="s">
        <v>226</v>
      </c>
      <c r="C863" s="101"/>
      <c r="D863" s="101"/>
      <c r="E863" s="101"/>
      <c r="F863" s="101"/>
      <c r="G863" s="101"/>
      <c r="H863" s="101"/>
      <c r="I863" s="101"/>
    </row>
    <row r="864" spans="1:9" x14ac:dyDescent="0.2">
      <c r="A864" s="100"/>
      <c r="B864" s="102"/>
      <c r="C864" s="103"/>
      <c r="D864" s="103"/>
      <c r="E864" s="103"/>
      <c r="F864" s="103"/>
      <c r="G864" s="103"/>
      <c r="H864" s="103"/>
      <c r="I864" s="104"/>
    </row>
    <row r="867" spans="1:9" x14ac:dyDescent="0.2">
      <c r="A867" s="37" t="str">
        <f>IF(B867="","","名称")</f>
        <v/>
      </c>
      <c r="B867" s="84"/>
      <c r="C867" s="84"/>
      <c r="D867" s="84"/>
      <c r="E867" s="84"/>
      <c r="F867" s="84"/>
      <c r="G867" s="84"/>
      <c r="H867" s="84"/>
      <c r="I867" s="84"/>
    </row>
    <row r="868" spans="1:9" x14ac:dyDescent="0.2">
      <c r="A868" s="85" t="str">
        <f>IF(B867="","","内容")</f>
        <v/>
      </c>
      <c r="B868" s="87"/>
      <c r="C868" s="88"/>
      <c r="D868" s="91"/>
      <c r="E868" s="91"/>
      <c r="F868" s="91"/>
      <c r="G868" s="91"/>
      <c r="H868" s="91"/>
      <c r="I868" s="93"/>
    </row>
    <row r="869" spans="1:9" x14ac:dyDescent="0.2">
      <c r="A869" s="86"/>
      <c r="B869" s="89"/>
      <c r="C869" s="90"/>
      <c r="D869" s="92"/>
      <c r="E869" s="92"/>
      <c r="F869" s="92"/>
      <c r="G869" s="92"/>
      <c r="H869" s="92"/>
      <c r="I869" s="94"/>
    </row>
    <row r="870" spans="1:9" x14ac:dyDescent="0.2">
      <c r="A870" s="38" t="str">
        <f>IF(B867="","","（備考）")</f>
        <v/>
      </c>
      <c r="B870" s="116"/>
      <c r="C870" s="97"/>
      <c r="D870" s="97"/>
      <c r="E870" s="97"/>
      <c r="F870" s="97"/>
      <c r="G870" s="97"/>
      <c r="H870" s="97"/>
      <c r="I870" s="98"/>
    </row>
    <row r="871" spans="1:9" x14ac:dyDescent="0.2">
      <c r="A871" s="37" t="str">
        <f>IF(B867="","","連絡先")</f>
        <v/>
      </c>
      <c r="B871" s="42"/>
      <c r="C871" s="40"/>
      <c r="D871" s="40"/>
      <c r="E871" s="40"/>
      <c r="F871" s="40"/>
      <c r="G871" s="40"/>
      <c r="H871" s="40"/>
      <c r="I871" s="41"/>
    </row>
    <row r="872" spans="1:9" x14ac:dyDescent="0.2">
      <c r="A872" s="99" t="str">
        <f>IF(B867="","","URL")</f>
        <v/>
      </c>
      <c r="B872" s="101"/>
      <c r="C872" s="101"/>
      <c r="D872" s="101"/>
      <c r="E872" s="101"/>
      <c r="F872" s="101"/>
      <c r="G872" s="101"/>
      <c r="H872" s="101"/>
      <c r="I872" s="101"/>
    </row>
    <row r="873" spans="1:9" x14ac:dyDescent="0.2">
      <c r="A873" s="100"/>
      <c r="B873" s="102"/>
      <c r="C873" s="103"/>
      <c r="D873" s="103"/>
      <c r="E873" s="103"/>
      <c r="F873" s="103"/>
      <c r="G873" s="103"/>
      <c r="H873" s="103"/>
      <c r="I873" s="104"/>
    </row>
    <row r="876" spans="1:9" x14ac:dyDescent="0.2">
      <c r="A876" s="37" t="str">
        <f>IF(B876="","","名称")</f>
        <v/>
      </c>
      <c r="B876" s="84"/>
      <c r="C876" s="84"/>
      <c r="D876" s="84"/>
      <c r="E876" s="84"/>
      <c r="F876" s="84"/>
      <c r="G876" s="84"/>
      <c r="H876" s="84"/>
      <c r="I876" s="84"/>
    </row>
    <row r="877" spans="1:9" x14ac:dyDescent="0.2">
      <c r="A877" s="85" t="str">
        <f>IF(B876="","","内容")</f>
        <v/>
      </c>
      <c r="B877" s="87"/>
      <c r="C877" s="88"/>
      <c r="D877" s="91"/>
      <c r="E877" s="91"/>
      <c r="F877" s="91"/>
      <c r="G877" s="91"/>
      <c r="H877" s="91"/>
      <c r="I877" s="93"/>
    </row>
    <row r="878" spans="1:9" x14ac:dyDescent="0.2">
      <c r="A878" s="86"/>
      <c r="B878" s="89"/>
      <c r="C878" s="90"/>
      <c r="D878" s="92"/>
      <c r="E878" s="92"/>
      <c r="F878" s="92"/>
      <c r="G878" s="92"/>
      <c r="H878" s="92"/>
      <c r="I878" s="94"/>
    </row>
    <row r="879" spans="1:9" x14ac:dyDescent="0.2">
      <c r="A879" s="38" t="str">
        <f>IF(B876="","","（備考）")</f>
        <v/>
      </c>
      <c r="B879" s="116"/>
      <c r="C879" s="97"/>
      <c r="D879" s="97"/>
      <c r="E879" s="97"/>
      <c r="F879" s="97"/>
      <c r="G879" s="97"/>
      <c r="H879" s="97"/>
      <c r="I879" s="98"/>
    </row>
    <row r="880" spans="1:9" x14ac:dyDescent="0.2">
      <c r="A880" s="37" t="str">
        <f>IF(B876="","","連絡先")</f>
        <v/>
      </c>
      <c r="B880" s="42"/>
      <c r="C880" s="40"/>
      <c r="D880" s="40"/>
      <c r="E880" s="40"/>
      <c r="F880" s="40"/>
      <c r="G880" s="40"/>
      <c r="H880" s="40"/>
      <c r="I880" s="41"/>
    </row>
    <row r="881" spans="1:9" x14ac:dyDescent="0.2">
      <c r="A881" s="99" t="str">
        <f>IF(B876="","","URL")</f>
        <v/>
      </c>
      <c r="B881" s="101"/>
      <c r="C881" s="101"/>
      <c r="D881" s="101"/>
      <c r="E881" s="101"/>
      <c r="F881" s="101"/>
      <c r="G881" s="101"/>
      <c r="H881" s="101"/>
      <c r="I881" s="101"/>
    </row>
    <row r="882" spans="1:9" x14ac:dyDescent="0.2">
      <c r="A882" s="100"/>
      <c r="B882" s="102"/>
      <c r="C882" s="103"/>
      <c r="D882" s="103"/>
      <c r="E882" s="103"/>
      <c r="F882" s="103"/>
      <c r="G882" s="103"/>
      <c r="H882" s="103"/>
      <c r="I882" s="104"/>
    </row>
    <row r="886" spans="1:9" ht="13.5" customHeight="1" x14ac:dyDescent="0.2">
      <c r="A886" s="107" t="s">
        <v>227</v>
      </c>
      <c r="B886" s="107"/>
      <c r="C886" s="107"/>
      <c r="D886" s="107"/>
      <c r="E886" s="107"/>
      <c r="F886" s="107"/>
      <c r="G886" s="107"/>
      <c r="H886" s="107"/>
      <c r="I886" s="107"/>
    </row>
    <row r="887" spans="1:9" ht="13.5" customHeight="1" x14ac:dyDescent="0.2">
      <c r="A887" s="107"/>
      <c r="B887" s="107"/>
      <c r="C887" s="107"/>
      <c r="D887" s="107"/>
      <c r="E887" s="107"/>
      <c r="F887" s="107"/>
      <c r="G887" s="107"/>
      <c r="H887" s="107"/>
      <c r="I887" s="107"/>
    </row>
    <row r="890" spans="1:9" x14ac:dyDescent="0.2">
      <c r="A890" s="37" t="str">
        <f>IF(B890="","","名称")</f>
        <v>名称</v>
      </c>
      <c r="B890" s="84" t="s">
        <v>228</v>
      </c>
      <c r="C890" s="84"/>
      <c r="D890" s="84"/>
      <c r="E890" s="84"/>
      <c r="F890" s="84"/>
      <c r="G890" s="84"/>
      <c r="H890" s="84"/>
      <c r="I890" s="84"/>
    </row>
    <row r="891" spans="1:9" x14ac:dyDescent="0.2">
      <c r="A891" s="85" t="str">
        <f>IF(B890="","","内容")</f>
        <v>内容</v>
      </c>
      <c r="B891" s="87" t="s">
        <v>109</v>
      </c>
      <c r="C891" s="88"/>
      <c r="D891" s="91"/>
      <c r="E891" s="91"/>
      <c r="F891" s="91"/>
      <c r="G891" s="91"/>
      <c r="H891" s="91"/>
      <c r="I891" s="93"/>
    </row>
    <row r="892" spans="1:9" x14ac:dyDescent="0.2">
      <c r="A892" s="86"/>
      <c r="B892" s="89"/>
      <c r="C892" s="90"/>
      <c r="D892" s="92"/>
      <c r="E892" s="92"/>
      <c r="F892" s="92"/>
      <c r="G892" s="92"/>
      <c r="H892" s="92"/>
      <c r="I892" s="94"/>
    </row>
    <row r="893" spans="1:9" x14ac:dyDescent="0.2">
      <c r="A893" s="38" t="str">
        <f>IF(B890="","","（備考）")</f>
        <v>（備考）</v>
      </c>
      <c r="B893" s="108"/>
      <c r="C893" s="109"/>
      <c r="D893" s="97"/>
      <c r="E893" s="97"/>
      <c r="F893" s="97"/>
      <c r="G893" s="97"/>
      <c r="H893" s="97"/>
      <c r="I893" s="98"/>
    </row>
    <row r="894" spans="1:9" x14ac:dyDescent="0.2">
      <c r="A894" s="37" t="str">
        <f>IF(B890="","","連絡先")</f>
        <v>連絡先</v>
      </c>
      <c r="B894" s="43" t="s">
        <v>229</v>
      </c>
      <c r="C894" s="40"/>
      <c r="D894" s="40" t="s">
        <v>106</v>
      </c>
      <c r="E894" s="40"/>
      <c r="F894" s="40"/>
      <c r="G894" s="40"/>
      <c r="H894" s="40"/>
      <c r="I894" s="41"/>
    </row>
    <row r="895" spans="1:9" x14ac:dyDescent="0.2">
      <c r="A895" s="99" t="str">
        <f>IF(B890="","","URL")</f>
        <v>URL</v>
      </c>
      <c r="B895" s="101" t="s">
        <v>230</v>
      </c>
      <c r="C895" s="101"/>
      <c r="D895" s="101"/>
      <c r="E895" s="101"/>
      <c r="F895" s="101"/>
      <c r="G895" s="101"/>
      <c r="H895" s="101"/>
      <c r="I895" s="101"/>
    </row>
    <row r="896" spans="1:9" x14ac:dyDescent="0.2">
      <c r="A896" s="100"/>
      <c r="B896" s="102"/>
      <c r="C896" s="103"/>
      <c r="D896" s="103"/>
      <c r="E896" s="103"/>
      <c r="F896" s="103"/>
      <c r="G896" s="103"/>
      <c r="H896" s="103"/>
      <c r="I896" s="104"/>
    </row>
    <row r="899" spans="1:9" x14ac:dyDescent="0.2">
      <c r="A899" s="37" t="str">
        <f>IF(B899="","","名称")</f>
        <v>名称</v>
      </c>
      <c r="B899" s="84" t="s">
        <v>231</v>
      </c>
      <c r="C899" s="84"/>
      <c r="D899" s="84"/>
      <c r="E899" s="84"/>
      <c r="F899" s="84"/>
      <c r="G899" s="84"/>
      <c r="H899" s="84"/>
      <c r="I899" s="84"/>
    </row>
    <row r="900" spans="1:9" x14ac:dyDescent="0.2">
      <c r="A900" s="85" t="str">
        <f>IF(B899="","","内容")</f>
        <v>内容</v>
      </c>
      <c r="B900" s="87" t="s">
        <v>120</v>
      </c>
      <c r="C900" s="88"/>
      <c r="D900" s="91"/>
      <c r="E900" s="91"/>
      <c r="F900" s="91"/>
      <c r="G900" s="91"/>
      <c r="H900" s="91"/>
      <c r="I900" s="93"/>
    </row>
    <row r="901" spans="1:9" x14ac:dyDescent="0.2">
      <c r="A901" s="86"/>
      <c r="B901" s="89"/>
      <c r="C901" s="90"/>
      <c r="D901" s="92"/>
      <c r="E901" s="92"/>
      <c r="F901" s="92"/>
      <c r="G901" s="92"/>
      <c r="H901" s="92"/>
      <c r="I901" s="94"/>
    </row>
    <row r="902" spans="1:9" x14ac:dyDescent="0.2">
      <c r="A902" s="38" t="str">
        <f>IF(B899="","","（備考）")</f>
        <v>（備考）</v>
      </c>
      <c r="B902" s="174"/>
      <c r="C902" s="175"/>
      <c r="D902" s="97"/>
      <c r="E902" s="97"/>
      <c r="F902" s="97"/>
      <c r="G902" s="97"/>
      <c r="H902" s="97"/>
      <c r="I902" s="98"/>
    </row>
    <row r="903" spans="1:9" x14ac:dyDescent="0.2">
      <c r="A903" s="37" t="str">
        <f>IF(B899="","","連絡先")</f>
        <v>連絡先</v>
      </c>
      <c r="B903" s="43" t="s">
        <v>232</v>
      </c>
      <c r="C903" s="40"/>
      <c r="D903" s="40" t="s">
        <v>106</v>
      </c>
      <c r="E903" s="40"/>
      <c r="F903" s="40"/>
      <c r="G903" s="40"/>
      <c r="H903" s="40"/>
      <c r="I903" s="41"/>
    </row>
    <row r="904" spans="1:9" x14ac:dyDescent="0.2">
      <c r="A904" s="99" t="str">
        <f>IF(B899="","","URL")</f>
        <v>URL</v>
      </c>
      <c r="B904" s="101" t="s">
        <v>233</v>
      </c>
      <c r="C904" s="101"/>
      <c r="D904" s="101"/>
      <c r="E904" s="101"/>
      <c r="F904" s="101"/>
      <c r="G904" s="101"/>
      <c r="H904" s="101"/>
      <c r="I904" s="101"/>
    </row>
    <row r="905" spans="1:9" x14ac:dyDescent="0.2">
      <c r="A905" s="100"/>
      <c r="B905" s="102"/>
      <c r="C905" s="103"/>
      <c r="D905" s="103"/>
      <c r="E905" s="103"/>
      <c r="F905" s="103"/>
      <c r="G905" s="103"/>
      <c r="H905" s="103"/>
      <c r="I905" s="104"/>
    </row>
    <row r="908" spans="1:9" x14ac:dyDescent="0.2">
      <c r="A908" s="37" t="str">
        <f>IF(B908="","","名称")</f>
        <v/>
      </c>
      <c r="B908" s="84"/>
      <c r="C908" s="84"/>
      <c r="D908" s="84"/>
      <c r="E908" s="84"/>
      <c r="F908" s="84"/>
      <c r="G908" s="84"/>
      <c r="H908" s="84"/>
      <c r="I908" s="84"/>
    </row>
    <row r="909" spans="1:9" x14ac:dyDescent="0.2">
      <c r="A909" s="85" t="str">
        <f>IF(B908="","","内容")</f>
        <v/>
      </c>
      <c r="B909" s="87"/>
      <c r="C909" s="88"/>
      <c r="D909" s="91"/>
      <c r="E909" s="91"/>
      <c r="F909" s="91"/>
      <c r="G909" s="91"/>
      <c r="H909" s="91"/>
      <c r="I909" s="93"/>
    </row>
    <row r="910" spans="1:9" x14ac:dyDescent="0.2">
      <c r="A910" s="86"/>
      <c r="B910" s="89"/>
      <c r="C910" s="90"/>
      <c r="D910" s="92"/>
      <c r="E910" s="92"/>
      <c r="F910" s="92"/>
      <c r="G910" s="92"/>
      <c r="H910" s="92"/>
      <c r="I910" s="94"/>
    </row>
    <row r="911" spans="1:9" x14ac:dyDescent="0.2">
      <c r="A911" s="38" t="str">
        <f>IF(B908="","","（備考）")</f>
        <v/>
      </c>
      <c r="B911" s="116"/>
      <c r="C911" s="97"/>
      <c r="D911" s="97"/>
      <c r="E911" s="97"/>
      <c r="F911" s="97"/>
      <c r="G911" s="97"/>
      <c r="H911" s="97"/>
      <c r="I911" s="98"/>
    </row>
    <row r="912" spans="1:9" x14ac:dyDescent="0.2">
      <c r="A912" s="37" t="str">
        <f>IF(B908="","","連絡先")</f>
        <v/>
      </c>
      <c r="B912" s="42"/>
      <c r="C912" s="40"/>
      <c r="D912" s="40"/>
      <c r="E912" s="40"/>
      <c r="F912" s="40"/>
      <c r="G912" s="40"/>
      <c r="H912" s="40"/>
      <c r="I912" s="41"/>
    </row>
    <row r="913" spans="1:9" ht="13.5" customHeight="1" x14ac:dyDescent="0.2">
      <c r="A913" s="99" t="str">
        <f>IF(B908="","","URL")</f>
        <v/>
      </c>
      <c r="B913" s="101"/>
      <c r="C913" s="101"/>
      <c r="D913" s="101"/>
      <c r="E913" s="101"/>
      <c r="F913" s="101"/>
      <c r="G913" s="101"/>
      <c r="H913" s="101"/>
      <c r="I913" s="101"/>
    </row>
    <row r="914" spans="1:9" x14ac:dyDescent="0.2">
      <c r="A914" s="100"/>
      <c r="B914" s="102"/>
      <c r="C914" s="103"/>
      <c r="D914" s="103"/>
      <c r="E914" s="103"/>
      <c r="F914" s="103"/>
      <c r="G914" s="103"/>
      <c r="H914" s="103"/>
      <c r="I914" s="104"/>
    </row>
    <row r="917" spans="1:9" x14ac:dyDescent="0.2">
      <c r="A917" s="37" t="str">
        <f>IF(B917="","","名称")</f>
        <v/>
      </c>
      <c r="B917" s="84"/>
      <c r="C917" s="84"/>
      <c r="D917" s="84"/>
      <c r="E917" s="84"/>
      <c r="F917" s="84"/>
      <c r="G917" s="84"/>
      <c r="H917" s="84"/>
      <c r="I917" s="84"/>
    </row>
    <row r="918" spans="1:9" x14ac:dyDescent="0.2">
      <c r="A918" s="85" t="str">
        <f>IF(B917="","","内容")</f>
        <v/>
      </c>
      <c r="B918" s="87"/>
      <c r="C918" s="88"/>
      <c r="D918" s="91"/>
      <c r="E918" s="91"/>
      <c r="F918" s="91"/>
      <c r="G918" s="91"/>
      <c r="H918" s="91"/>
      <c r="I918" s="93"/>
    </row>
    <row r="919" spans="1:9" x14ac:dyDescent="0.2">
      <c r="A919" s="86"/>
      <c r="B919" s="89"/>
      <c r="C919" s="90"/>
      <c r="D919" s="92"/>
      <c r="E919" s="92"/>
      <c r="F919" s="92"/>
      <c r="G919" s="92"/>
      <c r="H919" s="92"/>
      <c r="I919" s="94"/>
    </row>
    <row r="920" spans="1:9" x14ac:dyDescent="0.2">
      <c r="A920" s="38" t="str">
        <f>IF(B917="","","（備考）")</f>
        <v/>
      </c>
      <c r="B920" s="116"/>
      <c r="C920" s="97"/>
      <c r="D920" s="97"/>
      <c r="E920" s="97"/>
      <c r="F920" s="97"/>
      <c r="G920" s="97"/>
      <c r="H920" s="97"/>
      <c r="I920" s="98"/>
    </row>
    <row r="921" spans="1:9" x14ac:dyDescent="0.2">
      <c r="A921" s="37" t="str">
        <f>IF(B917="","","連絡先")</f>
        <v/>
      </c>
      <c r="B921" s="42"/>
      <c r="C921" s="40"/>
      <c r="D921" s="40"/>
      <c r="E921" s="40"/>
      <c r="F921" s="40"/>
      <c r="G921" s="40"/>
      <c r="H921" s="40"/>
      <c r="I921" s="41"/>
    </row>
    <row r="922" spans="1:9" ht="13.5" customHeight="1" x14ac:dyDescent="0.2">
      <c r="A922" s="99" t="str">
        <f>IF(B917="","","URL")</f>
        <v/>
      </c>
      <c r="B922" s="101"/>
      <c r="C922" s="101"/>
      <c r="D922" s="101"/>
      <c r="E922" s="101"/>
      <c r="F922" s="101"/>
      <c r="G922" s="101"/>
      <c r="H922" s="101"/>
      <c r="I922" s="101"/>
    </row>
    <row r="923" spans="1:9" x14ac:dyDescent="0.2">
      <c r="A923" s="100"/>
      <c r="B923" s="102"/>
      <c r="C923" s="103"/>
      <c r="D923" s="103"/>
      <c r="E923" s="103"/>
      <c r="F923" s="103"/>
      <c r="G923" s="103"/>
      <c r="H923" s="103"/>
      <c r="I923" s="104"/>
    </row>
    <row r="926" spans="1:9" x14ac:dyDescent="0.2">
      <c r="A926" s="37" t="str">
        <f>IF(B926="","","名称")</f>
        <v/>
      </c>
      <c r="B926" s="84"/>
      <c r="C926" s="84"/>
      <c r="D926" s="84"/>
      <c r="E926" s="84"/>
      <c r="F926" s="84"/>
      <c r="G926" s="84"/>
      <c r="H926" s="84"/>
      <c r="I926" s="84"/>
    </row>
    <row r="927" spans="1:9" x14ac:dyDescent="0.2">
      <c r="A927" s="85" t="str">
        <f>IF(B926="","","内容")</f>
        <v/>
      </c>
      <c r="B927" s="87"/>
      <c r="C927" s="88"/>
      <c r="D927" s="91"/>
      <c r="E927" s="91"/>
      <c r="F927" s="91"/>
      <c r="G927" s="91"/>
      <c r="H927" s="91"/>
      <c r="I927" s="93"/>
    </row>
    <row r="928" spans="1:9" x14ac:dyDescent="0.2">
      <c r="A928" s="86"/>
      <c r="B928" s="89"/>
      <c r="C928" s="90"/>
      <c r="D928" s="92"/>
      <c r="E928" s="92"/>
      <c r="F928" s="92"/>
      <c r="G928" s="92"/>
      <c r="H928" s="92"/>
      <c r="I928" s="94"/>
    </row>
    <row r="929" spans="1:9" x14ac:dyDescent="0.2">
      <c r="A929" s="38" t="str">
        <f>IF(B926="","","（備考）")</f>
        <v/>
      </c>
      <c r="B929" s="116"/>
      <c r="C929" s="97"/>
      <c r="D929" s="97"/>
      <c r="E929" s="97"/>
      <c r="F929" s="97"/>
      <c r="G929" s="97"/>
      <c r="H929" s="97"/>
      <c r="I929" s="98"/>
    </row>
    <row r="930" spans="1:9" x14ac:dyDescent="0.2">
      <c r="A930" s="37" t="str">
        <f>IF(B926="","","連絡先")</f>
        <v/>
      </c>
      <c r="B930" s="42"/>
      <c r="C930" s="40"/>
      <c r="D930" s="40"/>
      <c r="E930" s="40"/>
      <c r="F930" s="40"/>
      <c r="G930" s="40"/>
      <c r="H930" s="40"/>
      <c r="I930" s="41"/>
    </row>
    <row r="931" spans="1:9" x14ac:dyDescent="0.2">
      <c r="A931" s="99" t="str">
        <f>IF(B926="","","URL")</f>
        <v/>
      </c>
      <c r="B931" s="101"/>
      <c r="C931" s="101"/>
      <c r="D931" s="101"/>
      <c r="E931" s="101"/>
      <c r="F931" s="101"/>
      <c r="G931" s="101"/>
      <c r="H931" s="101"/>
      <c r="I931" s="101"/>
    </row>
    <row r="932" spans="1:9" x14ac:dyDescent="0.2">
      <c r="A932" s="100"/>
      <c r="B932" s="102"/>
      <c r="C932" s="103"/>
      <c r="D932" s="103"/>
      <c r="E932" s="103"/>
      <c r="F932" s="103"/>
      <c r="G932" s="103"/>
      <c r="H932" s="103"/>
      <c r="I932" s="104"/>
    </row>
    <row r="935" spans="1:9" x14ac:dyDescent="0.2">
      <c r="A935" s="37" t="str">
        <f>IF(B935="","","名称")</f>
        <v/>
      </c>
      <c r="B935" s="84"/>
      <c r="C935" s="84"/>
      <c r="D935" s="84"/>
      <c r="E935" s="84"/>
      <c r="F935" s="84"/>
      <c r="G935" s="84"/>
      <c r="H935" s="84"/>
      <c r="I935" s="84"/>
    </row>
    <row r="936" spans="1:9" x14ac:dyDescent="0.2">
      <c r="A936" s="85" t="str">
        <f>IF(B935="","","内容")</f>
        <v/>
      </c>
      <c r="B936" s="87"/>
      <c r="C936" s="88"/>
      <c r="D936" s="91"/>
      <c r="E936" s="91"/>
      <c r="F936" s="91"/>
      <c r="G936" s="91"/>
      <c r="H936" s="91"/>
      <c r="I936" s="93"/>
    </row>
    <row r="937" spans="1:9" x14ac:dyDescent="0.2">
      <c r="A937" s="86"/>
      <c r="B937" s="89"/>
      <c r="C937" s="90"/>
      <c r="D937" s="92"/>
      <c r="E937" s="92"/>
      <c r="F937" s="92"/>
      <c r="G937" s="92"/>
      <c r="H937" s="92"/>
      <c r="I937" s="94"/>
    </row>
    <row r="938" spans="1:9" x14ac:dyDescent="0.2">
      <c r="A938" s="38" t="str">
        <f>IF(B935="","","（備考）")</f>
        <v/>
      </c>
      <c r="B938" s="116"/>
      <c r="C938" s="97"/>
      <c r="D938" s="97"/>
      <c r="E938" s="97"/>
      <c r="F938" s="97"/>
      <c r="G938" s="97"/>
      <c r="H938" s="97"/>
      <c r="I938" s="98"/>
    </row>
    <row r="939" spans="1:9" x14ac:dyDescent="0.2">
      <c r="A939" s="37" t="str">
        <f>IF(B935="","","連絡先")</f>
        <v/>
      </c>
      <c r="B939" s="42"/>
      <c r="C939" s="40"/>
      <c r="D939" s="40"/>
      <c r="E939" s="40"/>
      <c r="F939" s="40"/>
      <c r="G939" s="40"/>
      <c r="H939" s="40"/>
      <c r="I939" s="41"/>
    </row>
    <row r="940" spans="1:9" x14ac:dyDescent="0.2">
      <c r="A940" s="99" t="str">
        <f>IF(B935="","","URL")</f>
        <v/>
      </c>
      <c r="B940" s="101"/>
      <c r="C940" s="101"/>
      <c r="D940" s="101"/>
      <c r="E940" s="101"/>
      <c r="F940" s="101"/>
      <c r="G940" s="101"/>
      <c r="H940" s="101"/>
      <c r="I940" s="101"/>
    </row>
    <row r="941" spans="1:9" x14ac:dyDescent="0.2">
      <c r="A941" s="100"/>
      <c r="B941" s="102"/>
      <c r="C941" s="103"/>
      <c r="D941" s="103"/>
      <c r="E941" s="103"/>
      <c r="F941" s="103"/>
      <c r="G941" s="103"/>
      <c r="H941" s="103"/>
      <c r="I941" s="104"/>
    </row>
    <row r="945" spans="1:9" ht="13.5" customHeight="1" x14ac:dyDescent="0.2">
      <c r="A945" s="107" t="s">
        <v>234</v>
      </c>
      <c r="B945" s="107"/>
      <c r="C945" s="107"/>
      <c r="D945" s="107"/>
      <c r="E945" s="107"/>
      <c r="F945" s="107"/>
      <c r="G945" s="107"/>
      <c r="H945" s="107"/>
      <c r="I945" s="107"/>
    </row>
    <row r="946" spans="1:9" ht="13.5" customHeight="1" x14ac:dyDescent="0.2">
      <c r="A946" s="107"/>
      <c r="B946" s="107"/>
      <c r="C946" s="107"/>
      <c r="D946" s="107"/>
      <c r="E946" s="107"/>
      <c r="F946" s="107"/>
      <c r="G946" s="107"/>
      <c r="H946" s="107"/>
      <c r="I946" s="107"/>
    </row>
    <row r="949" spans="1:9" x14ac:dyDescent="0.2">
      <c r="A949" s="37" t="str">
        <f>IF(B949="","","名称")</f>
        <v>名称</v>
      </c>
      <c r="B949" s="84" t="s">
        <v>235</v>
      </c>
      <c r="C949" s="84"/>
      <c r="D949" s="84"/>
      <c r="E949" s="84"/>
      <c r="F949" s="84"/>
      <c r="G949" s="84"/>
      <c r="H949" s="84"/>
      <c r="I949" s="84"/>
    </row>
    <row r="950" spans="1:9" x14ac:dyDescent="0.2">
      <c r="A950" s="85" t="str">
        <f>IF(B949="","","内容")</f>
        <v>内容</v>
      </c>
      <c r="B950" s="87" t="s">
        <v>109</v>
      </c>
      <c r="C950" s="88"/>
      <c r="D950" s="91"/>
      <c r="E950" s="91"/>
      <c r="F950" s="91"/>
      <c r="G950" s="91"/>
      <c r="H950" s="91"/>
      <c r="I950" s="93"/>
    </row>
    <row r="951" spans="1:9" x14ac:dyDescent="0.2">
      <c r="A951" s="86"/>
      <c r="B951" s="89"/>
      <c r="C951" s="90"/>
      <c r="D951" s="92"/>
      <c r="E951" s="92"/>
      <c r="F951" s="92"/>
      <c r="G951" s="92"/>
      <c r="H951" s="92"/>
      <c r="I951" s="94"/>
    </row>
    <row r="952" spans="1:9" x14ac:dyDescent="0.2">
      <c r="A952" s="38" t="str">
        <f>IF(B949="","","（備考）")</f>
        <v>（備考）</v>
      </c>
      <c r="B952" s="108" t="s">
        <v>236</v>
      </c>
      <c r="C952" s="109"/>
      <c r="D952" s="97"/>
      <c r="E952" s="97"/>
      <c r="F952" s="97"/>
      <c r="G952" s="97"/>
      <c r="H952" s="97"/>
      <c r="I952" s="98"/>
    </row>
    <row r="953" spans="1:9" x14ac:dyDescent="0.2">
      <c r="A953" s="37" t="str">
        <f>IF(B949="","","連絡先")</f>
        <v>連絡先</v>
      </c>
      <c r="B953" s="43" t="s">
        <v>237</v>
      </c>
      <c r="C953" s="40"/>
      <c r="D953" s="40" t="s">
        <v>106</v>
      </c>
      <c r="E953" s="40"/>
      <c r="F953" s="40"/>
      <c r="G953" s="40"/>
      <c r="H953" s="40"/>
      <c r="I953" s="41"/>
    </row>
    <row r="954" spans="1:9" x14ac:dyDescent="0.2">
      <c r="A954" s="99" t="str">
        <f>IF(B949="","","URL")</f>
        <v>URL</v>
      </c>
      <c r="B954" s="101" t="s">
        <v>473</v>
      </c>
      <c r="C954" s="101"/>
      <c r="D954" s="101"/>
      <c r="E954" s="101"/>
      <c r="F954" s="101"/>
      <c r="G954" s="101"/>
      <c r="H954" s="101"/>
      <c r="I954" s="101"/>
    </row>
    <row r="955" spans="1:9" x14ac:dyDescent="0.2">
      <c r="A955" s="100"/>
      <c r="B955" s="102"/>
      <c r="C955" s="103"/>
      <c r="D955" s="103"/>
      <c r="E955" s="103"/>
      <c r="F955" s="103"/>
      <c r="G955" s="103"/>
      <c r="H955" s="103"/>
      <c r="I955" s="104"/>
    </row>
    <row r="958" spans="1:9" x14ac:dyDescent="0.2">
      <c r="A958" s="37" t="str">
        <f>IF(B958="","","名称")</f>
        <v>名称</v>
      </c>
      <c r="B958" s="84" t="s">
        <v>238</v>
      </c>
      <c r="C958" s="84"/>
      <c r="D958" s="84"/>
      <c r="E958" s="84"/>
      <c r="F958" s="84"/>
      <c r="G958" s="84"/>
      <c r="H958" s="84"/>
      <c r="I958" s="84"/>
    </row>
    <row r="959" spans="1:9" x14ac:dyDescent="0.2">
      <c r="A959" s="85" t="str">
        <f>IF(B958="","","内容")</f>
        <v>内容</v>
      </c>
      <c r="B959" s="87" t="s">
        <v>120</v>
      </c>
      <c r="C959" s="88"/>
      <c r="D959" s="91"/>
      <c r="E959" s="91"/>
      <c r="F959" s="91"/>
      <c r="G959" s="91"/>
      <c r="H959" s="91"/>
      <c r="I959" s="93"/>
    </row>
    <row r="960" spans="1:9" x14ac:dyDescent="0.2">
      <c r="A960" s="86"/>
      <c r="B960" s="89"/>
      <c r="C960" s="90"/>
      <c r="D960" s="92"/>
      <c r="E960" s="92"/>
      <c r="F960" s="92"/>
      <c r="G960" s="92"/>
      <c r="H960" s="92"/>
      <c r="I960" s="94"/>
    </row>
    <row r="961" spans="1:9" x14ac:dyDescent="0.2">
      <c r="A961" s="38" t="str">
        <f>IF(B958="","","（備考）")</f>
        <v>（備考）</v>
      </c>
      <c r="B961" s="174"/>
      <c r="C961" s="175"/>
      <c r="D961" s="97"/>
      <c r="E961" s="97"/>
      <c r="F961" s="97"/>
      <c r="G961" s="97"/>
      <c r="H961" s="97"/>
      <c r="I961" s="98"/>
    </row>
    <row r="962" spans="1:9" x14ac:dyDescent="0.2">
      <c r="A962" s="37" t="str">
        <f>IF(B958="","","連絡先")</f>
        <v>連絡先</v>
      </c>
      <c r="B962" s="43" t="s">
        <v>239</v>
      </c>
      <c r="C962" s="40"/>
      <c r="D962" s="40" t="s">
        <v>106</v>
      </c>
      <c r="E962" s="40"/>
      <c r="F962" s="40"/>
      <c r="G962" s="40"/>
      <c r="H962" s="40"/>
      <c r="I962" s="41"/>
    </row>
    <row r="963" spans="1:9" x14ac:dyDescent="0.2">
      <c r="A963" s="99" t="str">
        <f>IF(B958="","","URL")</f>
        <v>URL</v>
      </c>
      <c r="B963" s="101" t="s">
        <v>474</v>
      </c>
      <c r="C963" s="101"/>
      <c r="D963" s="101"/>
      <c r="E963" s="101"/>
      <c r="F963" s="101"/>
      <c r="G963" s="101"/>
      <c r="H963" s="101"/>
      <c r="I963" s="101"/>
    </row>
    <row r="964" spans="1:9" x14ac:dyDescent="0.2">
      <c r="A964" s="100"/>
      <c r="B964" s="102"/>
      <c r="C964" s="103"/>
      <c r="D964" s="103"/>
      <c r="E964" s="103"/>
      <c r="F964" s="103"/>
      <c r="G964" s="103"/>
      <c r="H964" s="103"/>
      <c r="I964" s="104"/>
    </row>
    <row r="967" spans="1:9" x14ac:dyDescent="0.2">
      <c r="A967" s="37" t="str">
        <f>IF(B967="","","名称")</f>
        <v>名称</v>
      </c>
      <c r="B967" s="231" t="s">
        <v>240</v>
      </c>
      <c r="C967" s="232"/>
      <c r="D967" s="232"/>
      <c r="E967" s="232"/>
      <c r="F967" s="232"/>
      <c r="G967" s="232"/>
      <c r="H967" s="232"/>
      <c r="I967" s="233"/>
    </row>
    <row r="968" spans="1:9" x14ac:dyDescent="0.2">
      <c r="A968" s="85" t="str">
        <f>IF(B967="","","内容")</f>
        <v>内容</v>
      </c>
      <c r="B968" s="87" t="s">
        <v>122</v>
      </c>
      <c r="C968" s="88"/>
      <c r="D968" s="91"/>
      <c r="E968" s="91"/>
      <c r="F968" s="91"/>
      <c r="G968" s="91"/>
      <c r="H968" s="91"/>
      <c r="I968" s="93"/>
    </row>
    <row r="969" spans="1:9" x14ac:dyDescent="0.2">
      <c r="A969" s="86"/>
      <c r="B969" s="89"/>
      <c r="C969" s="90"/>
      <c r="D969" s="92"/>
      <c r="E969" s="92"/>
      <c r="F969" s="92"/>
      <c r="G969" s="92"/>
      <c r="H969" s="92"/>
      <c r="I969" s="94"/>
    </row>
    <row r="970" spans="1:9" x14ac:dyDescent="0.2">
      <c r="A970" s="38" t="str">
        <f>IF(B967="","","（備考）")</f>
        <v>（備考）</v>
      </c>
      <c r="B970" s="172" t="s">
        <v>475</v>
      </c>
      <c r="C970" s="173"/>
      <c r="D970" s="97"/>
      <c r="E970" s="97"/>
      <c r="F970" s="97"/>
      <c r="G970" s="97"/>
      <c r="H970" s="97"/>
      <c r="I970" s="98"/>
    </row>
    <row r="971" spans="1:9" x14ac:dyDescent="0.2">
      <c r="A971" s="37" t="str">
        <f>IF(B967="","","連絡先")</f>
        <v>連絡先</v>
      </c>
      <c r="B971" s="43" t="s">
        <v>476</v>
      </c>
      <c r="C971" s="40"/>
      <c r="D971" s="40" t="s">
        <v>106</v>
      </c>
      <c r="E971" s="40"/>
      <c r="F971" s="40"/>
      <c r="G971" s="40"/>
      <c r="H971" s="40"/>
      <c r="I971" s="41"/>
    </row>
    <row r="972" spans="1:9" x14ac:dyDescent="0.2">
      <c r="A972" s="99" t="str">
        <f>IF(B967="","","URL")</f>
        <v>URL</v>
      </c>
      <c r="B972" s="156" t="s">
        <v>477</v>
      </c>
      <c r="C972" s="151"/>
      <c r="D972" s="151"/>
      <c r="E972" s="151"/>
      <c r="F972" s="151"/>
      <c r="G972" s="151"/>
      <c r="H972" s="151"/>
      <c r="I972" s="157"/>
    </row>
    <row r="973" spans="1:9" x14ac:dyDescent="0.2">
      <c r="A973" s="100"/>
      <c r="B973" s="158"/>
      <c r="C973" s="159"/>
      <c r="D973" s="159"/>
      <c r="E973" s="159"/>
      <c r="F973" s="159"/>
      <c r="G973" s="159"/>
      <c r="H973" s="159"/>
      <c r="I973" s="160"/>
    </row>
    <row r="976" spans="1:9" x14ac:dyDescent="0.2">
      <c r="A976" s="37" t="str">
        <f>IF(B976="","","名称")</f>
        <v>名称</v>
      </c>
      <c r="B976" s="84" t="s">
        <v>241</v>
      </c>
      <c r="C976" s="84"/>
      <c r="D976" s="84"/>
      <c r="E976" s="84"/>
      <c r="F976" s="84"/>
      <c r="G976" s="84"/>
      <c r="H976" s="84"/>
      <c r="I976" s="84"/>
    </row>
    <row r="977" spans="1:9" x14ac:dyDescent="0.2">
      <c r="A977" s="85" t="str">
        <f>IF(B976="","","内容")</f>
        <v>内容</v>
      </c>
      <c r="B977" s="87" t="s">
        <v>109</v>
      </c>
      <c r="C977" s="88"/>
      <c r="D977" s="91" t="s">
        <v>115</v>
      </c>
      <c r="E977" s="91"/>
      <c r="F977" s="91"/>
      <c r="G977" s="91"/>
      <c r="H977" s="91"/>
      <c r="I977" s="93"/>
    </row>
    <row r="978" spans="1:9" x14ac:dyDescent="0.2">
      <c r="A978" s="86"/>
      <c r="B978" s="89"/>
      <c r="C978" s="90"/>
      <c r="D978" s="92"/>
      <c r="E978" s="92"/>
      <c r="F978" s="92"/>
      <c r="G978" s="92"/>
      <c r="H978" s="92"/>
      <c r="I978" s="94"/>
    </row>
    <row r="979" spans="1:9" x14ac:dyDescent="0.2">
      <c r="A979" s="38" t="str">
        <f>IF(B976="","","（備考）")</f>
        <v>（備考）</v>
      </c>
      <c r="B979" s="108" t="s">
        <v>242</v>
      </c>
      <c r="C979" s="109"/>
      <c r="D979" s="96"/>
      <c r="E979" s="96"/>
      <c r="F979" s="97"/>
      <c r="G979" s="97"/>
      <c r="H979" s="97"/>
      <c r="I979" s="98"/>
    </row>
    <row r="980" spans="1:9" x14ac:dyDescent="0.2">
      <c r="A980" s="37" t="str">
        <f>IF(B976="","","連絡先")</f>
        <v>連絡先</v>
      </c>
      <c r="B980" s="43" t="s">
        <v>243</v>
      </c>
      <c r="C980" s="40"/>
      <c r="D980" s="40" t="s">
        <v>106</v>
      </c>
      <c r="E980" s="40"/>
      <c r="F980" s="40"/>
      <c r="G980" s="40"/>
      <c r="H980" s="40"/>
      <c r="I980" s="41"/>
    </row>
    <row r="981" spans="1:9" x14ac:dyDescent="0.2">
      <c r="A981" s="99" t="str">
        <f>IF(B976="","","URL")</f>
        <v>URL</v>
      </c>
      <c r="B981" s="149" t="s">
        <v>478</v>
      </c>
      <c r="C981" s="149"/>
      <c r="D981" s="149"/>
      <c r="E981" s="149"/>
      <c r="F981" s="149"/>
      <c r="G981" s="149"/>
      <c r="H981" s="149"/>
      <c r="I981" s="149"/>
    </row>
    <row r="982" spans="1:9" x14ac:dyDescent="0.2">
      <c r="A982" s="100"/>
      <c r="B982" s="161"/>
      <c r="C982" s="162"/>
      <c r="D982" s="162"/>
      <c r="E982" s="162"/>
      <c r="F982" s="162"/>
      <c r="G982" s="162"/>
      <c r="H982" s="162"/>
      <c r="I982" s="163"/>
    </row>
    <row r="985" spans="1:9" x14ac:dyDescent="0.2">
      <c r="A985" s="37" t="str">
        <f>IF(B985="","","名称")</f>
        <v/>
      </c>
      <c r="B985" s="231"/>
      <c r="C985" s="232"/>
      <c r="D985" s="232"/>
      <c r="E985" s="232"/>
      <c r="F985" s="232"/>
      <c r="G985" s="232"/>
      <c r="H985" s="232"/>
      <c r="I985" s="233"/>
    </row>
    <row r="986" spans="1:9" x14ac:dyDescent="0.2">
      <c r="A986" s="85" t="str">
        <f>IF(B985="","","内容")</f>
        <v/>
      </c>
      <c r="B986" s="238"/>
      <c r="C986" s="91"/>
      <c r="D986" s="91"/>
      <c r="E986" s="91"/>
      <c r="F986" s="91"/>
      <c r="G986" s="91"/>
      <c r="H986" s="91"/>
      <c r="I986" s="93"/>
    </row>
    <row r="987" spans="1:9" x14ac:dyDescent="0.2">
      <c r="A987" s="86"/>
      <c r="B987" s="239"/>
      <c r="C987" s="92"/>
      <c r="D987" s="92"/>
      <c r="E987" s="92"/>
      <c r="F987" s="92"/>
      <c r="G987" s="92"/>
      <c r="H987" s="92"/>
      <c r="I987" s="94"/>
    </row>
    <row r="988" spans="1:9" x14ac:dyDescent="0.2">
      <c r="A988" s="38" t="str">
        <f>IF(B985="","","（備考）")</f>
        <v/>
      </c>
      <c r="B988" s="183"/>
      <c r="C988" s="155"/>
      <c r="D988" s="97"/>
      <c r="E988" s="97"/>
      <c r="F988" s="97"/>
      <c r="G988" s="97"/>
      <c r="H988" s="97"/>
      <c r="I988" s="98"/>
    </row>
    <row r="989" spans="1:9" x14ac:dyDescent="0.2">
      <c r="A989" s="37" t="str">
        <f>IF(B985="","","連絡先")</f>
        <v/>
      </c>
      <c r="B989" s="43"/>
      <c r="C989" s="40"/>
      <c r="D989" s="40"/>
      <c r="E989" s="40"/>
      <c r="F989" s="44"/>
      <c r="G989" s="40"/>
      <c r="H989" s="40"/>
      <c r="I989" s="41"/>
    </row>
    <row r="990" spans="1:9" x14ac:dyDescent="0.2">
      <c r="A990" s="99" t="str">
        <f>IF(B985="","","URL")</f>
        <v/>
      </c>
      <c r="B990" s="110"/>
      <c r="C990" s="111"/>
      <c r="D990" s="111"/>
      <c r="E990" s="111"/>
      <c r="F990" s="111"/>
      <c r="G990" s="111"/>
      <c r="H990" s="111"/>
      <c r="I990" s="112"/>
    </row>
    <row r="991" spans="1:9" x14ac:dyDescent="0.2">
      <c r="A991" s="100"/>
      <c r="B991" s="113"/>
      <c r="C991" s="114"/>
      <c r="D991" s="114"/>
      <c r="E991" s="114"/>
      <c r="F991" s="114"/>
      <c r="G991" s="114"/>
      <c r="H991" s="114"/>
      <c r="I991" s="115"/>
    </row>
    <row r="994" spans="1:9" x14ac:dyDescent="0.2">
      <c r="A994" s="37" t="str">
        <f>IF(B994="","","名称")</f>
        <v/>
      </c>
      <c r="B994" s="84"/>
      <c r="C994" s="84"/>
      <c r="D994" s="84"/>
      <c r="E994" s="84"/>
      <c r="F994" s="84"/>
      <c r="G994" s="84"/>
      <c r="H994" s="84"/>
      <c r="I994" s="84"/>
    </row>
    <row r="995" spans="1:9" x14ac:dyDescent="0.2">
      <c r="A995" s="85" t="str">
        <f>IF(B994="","","内容")</f>
        <v/>
      </c>
      <c r="B995" s="87"/>
      <c r="C995" s="88"/>
      <c r="D995" s="91"/>
      <c r="E995" s="91"/>
      <c r="F995" s="91"/>
      <c r="G995" s="91"/>
      <c r="H995" s="91"/>
      <c r="I995" s="93"/>
    </row>
    <row r="996" spans="1:9" x14ac:dyDescent="0.2">
      <c r="A996" s="86"/>
      <c r="B996" s="89"/>
      <c r="C996" s="90"/>
      <c r="D996" s="92"/>
      <c r="E996" s="92"/>
      <c r="F996" s="92"/>
      <c r="G996" s="92"/>
      <c r="H996" s="92"/>
      <c r="I996" s="94"/>
    </row>
    <row r="997" spans="1:9" x14ac:dyDescent="0.2">
      <c r="A997" s="38" t="str">
        <f>IF(B994="","","（備考）")</f>
        <v/>
      </c>
      <c r="B997" s="116"/>
      <c r="C997" s="97"/>
      <c r="D997" s="97"/>
      <c r="E997" s="97"/>
      <c r="F997" s="97"/>
      <c r="G997" s="97"/>
      <c r="H997" s="97"/>
      <c r="I997" s="98"/>
    </row>
    <row r="998" spans="1:9" x14ac:dyDescent="0.2">
      <c r="A998" s="37" t="str">
        <f>IF(B994="","","連絡先")</f>
        <v/>
      </c>
      <c r="B998" s="42"/>
      <c r="C998" s="40"/>
      <c r="D998" s="40"/>
      <c r="E998" s="40"/>
      <c r="F998" s="40"/>
      <c r="G998" s="40"/>
      <c r="H998" s="40"/>
      <c r="I998" s="41"/>
    </row>
    <row r="999" spans="1:9" x14ac:dyDescent="0.2">
      <c r="A999" s="99" t="str">
        <f>IF(B994="","","URL")</f>
        <v/>
      </c>
      <c r="B999" s="149"/>
      <c r="C999" s="149"/>
      <c r="D999" s="149"/>
      <c r="E999" s="149"/>
      <c r="F999" s="149"/>
      <c r="G999" s="149"/>
      <c r="H999" s="149"/>
      <c r="I999" s="149"/>
    </row>
    <row r="1000" spans="1:9" x14ac:dyDescent="0.2">
      <c r="A1000" s="100"/>
      <c r="B1000" s="161"/>
      <c r="C1000" s="162"/>
      <c r="D1000" s="162"/>
      <c r="E1000" s="162"/>
      <c r="F1000" s="162"/>
      <c r="G1000" s="162"/>
      <c r="H1000" s="162"/>
      <c r="I1000" s="163"/>
    </row>
    <row r="1004" spans="1:9" ht="13.5" customHeight="1" x14ac:dyDescent="0.2">
      <c r="A1004" s="107" t="s">
        <v>245</v>
      </c>
      <c r="B1004" s="107"/>
      <c r="C1004" s="107"/>
      <c r="D1004" s="107"/>
      <c r="E1004" s="107"/>
      <c r="F1004" s="107"/>
      <c r="G1004" s="107"/>
      <c r="H1004" s="107"/>
      <c r="I1004" s="107"/>
    </row>
    <row r="1005" spans="1:9" ht="13.5" customHeight="1" x14ac:dyDescent="0.2">
      <c r="A1005" s="107"/>
      <c r="B1005" s="107"/>
      <c r="C1005" s="107"/>
      <c r="D1005" s="107"/>
      <c r="E1005" s="107"/>
      <c r="F1005" s="107"/>
      <c r="G1005" s="107"/>
      <c r="H1005" s="107"/>
      <c r="I1005" s="107"/>
    </row>
    <row r="1008" spans="1:9" x14ac:dyDescent="0.2">
      <c r="A1008" s="37" t="str">
        <f>IF(B1008="","","名称")</f>
        <v>名称</v>
      </c>
      <c r="B1008" s="84" t="s">
        <v>458</v>
      </c>
      <c r="C1008" s="84"/>
      <c r="D1008" s="84"/>
      <c r="E1008" s="84"/>
      <c r="F1008" s="84"/>
      <c r="G1008" s="84"/>
      <c r="H1008" s="84"/>
      <c r="I1008" s="84"/>
    </row>
    <row r="1009" spans="1:9" x14ac:dyDescent="0.2">
      <c r="A1009" s="85" t="str">
        <f>IF(B1008="","","内容")</f>
        <v>内容</v>
      </c>
      <c r="B1009" s="87" t="s">
        <v>111</v>
      </c>
      <c r="C1009" s="88"/>
      <c r="D1009" s="91"/>
      <c r="E1009" s="91"/>
      <c r="F1009" s="91"/>
      <c r="G1009" s="91"/>
      <c r="H1009" s="91"/>
      <c r="I1009" s="93"/>
    </row>
    <row r="1010" spans="1:9" x14ac:dyDescent="0.2">
      <c r="A1010" s="86"/>
      <c r="B1010" s="89"/>
      <c r="C1010" s="90"/>
      <c r="D1010" s="92"/>
      <c r="E1010" s="92"/>
      <c r="F1010" s="92"/>
      <c r="G1010" s="92"/>
      <c r="H1010" s="92"/>
      <c r="I1010" s="94"/>
    </row>
    <row r="1011" spans="1:9" x14ac:dyDescent="0.2">
      <c r="A1011" s="38" t="str">
        <f>IF(B1008="","","（備考）")</f>
        <v>（備考）</v>
      </c>
      <c r="B1011" s="95"/>
      <c r="C1011" s="96"/>
      <c r="D1011" s="155"/>
      <c r="E1011" s="155"/>
      <c r="F1011" s="155"/>
      <c r="G1011" s="155"/>
      <c r="H1011" s="97"/>
      <c r="I1011" s="98"/>
    </row>
    <row r="1012" spans="1:9" x14ac:dyDescent="0.2">
      <c r="A1012" s="37" t="str">
        <f>IF(B1008="","","連絡先")</f>
        <v>連絡先</v>
      </c>
      <c r="B1012" s="43" t="s">
        <v>246</v>
      </c>
      <c r="C1012" s="40"/>
      <c r="D1012" s="40" t="s">
        <v>178</v>
      </c>
      <c r="E1012" s="44"/>
      <c r="F1012" s="40"/>
      <c r="G1012" s="40"/>
      <c r="H1012" s="40"/>
      <c r="I1012" s="41"/>
    </row>
    <row r="1013" spans="1:9" x14ac:dyDescent="0.2">
      <c r="A1013" s="99" t="str">
        <f>IF(B1008="","","URL")</f>
        <v>URL</v>
      </c>
      <c r="B1013" s="149" t="s">
        <v>459</v>
      </c>
      <c r="C1013" s="149"/>
      <c r="D1013" s="149"/>
      <c r="E1013" s="149"/>
      <c r="F1013" s="149"/>
      <c r="G1013" s="149"/>
      <c r="H1013" s="149"/>
      <c r="I1013" s="149"/>
    </row>
    <row r="1014" spans="1:9" x14ac:dyDescent="0.2">
      <c r="A1014" s="100"/>
      <c r="B1014" s="161"/>
      <c r="C1014" s="162"/>
      <c r="D1014" s="162"/>
      <c r="E1014" s="162"/>
      <c r="F1014" s="162"/>
      <c r="G1014" s="162"/>
      <c r="H1014" s="162"/>
      <c r="I1014" s="163"/>
    </row>
    <row r="1017" spans="1:9" x14ac:dyDescent="0.2">
      <c r="A1017" s="37" t="str">
        <f>IF(B1017="","","名称")</f>
        <v>名称</v>
      </c>
      <c r="B1017" s="84" t="s">
        <v>460</v>
      </c>
      <c r="C1017" s="84"/>
      <c r="D1017" s="84"/>
      <c r="E1017" s="84"/>
      <c r="F1017" s="84"/>
      <c r="G1017" s="84"/>
      <c r="H1017" s="84"/>
      <c r="I1017" s="84"/>
    </row>
    <row r="1018" spans="1:9" x14ac:dyDescent="0.2">
      <c r="A1018" s="85" t="str">
        <f>IF(B1017="","","内容")</f>
        <v>内容</v>
      </c>
      <c r="B1018" s="87" t="s">
        <v>122</v>
      </c>
      <c r="C1018" s="88"/>
      <c r="D1018" s="91"/>
      <c r="E1018" s="91"/>
      <c r="F1018" s="91"/>
      <c r="G1018" s="91"/>
      <c r="H1018" s="91"/>
      <c r="I1018" s="93"/>
    </row>
    <row r="1019" spans="1:9" x14ac:dyDescent="0.2">
      <c r="A1019" s="86"/>
      <c r="B1019" s="89"/>
      <c r="C1019" s="90"/>
      <c r="D1019" s="92"/>
      <c r="E1019" s="92"/>
      <c r="F1019" s="92"/>
      <c r="G1019" s="92"/>
      <c r="H1019" s="92"/>
      <c r="I1019" s="94"/>
    </row>
    <row r="1020" spans="1:9" x14ac:dyDescent="0.2">
      <c r="A1020" s="38" t="str">
        <f>IF(B1017="","","（備考）")</f>
        <v>（備考）</v>
      </c>
      <c r="B1020" s="172"/>
      <c r="C1020" s="173"/>
      <c r="D1020" s="97"/>
      <c r="E1020" s="97"/>
      <c r="F1020" s="97"/>
      <c r="G1020" s="97"/>
      <c r="H1020" s="97"/>
      <c r="I1020" s="98"/>
    </row>
    <row r="1021" spans="1:9" x14ac:dyDescent="0.2">
      <c r="A1021" s="37" t="str">
        <f>IF(B1017="","","連絡先")</f>
        <v>連絡先</v>
      </c>
      <c r="B1021" s="43" t="s">
        <v>461</v>
      </c>
      <c r="C1021" s="40"/>
      <c r="D1021" s="40" t="s">
        <v>106</v>
      </c>
      <c r="E1021" s="40"/>
      <c r="F1021" s="40"/>
      <c r="G1021" s="40"/>
      <c r="H1021" s="40"/>
      <c r="I1021" s="41"/>
    </row>
    <row r="1022" spans="1:9" x14ac:dyDescent="0.2">
      <c r="A1022" s="99" t="str">
        <f>IF(B1017="","","URL")</f>
        <v>URL</v>
      </c>
      <c r="B1022" s="101" t="s">
        <v>462</v>
      </c>
      <c r="C1022" s="101"/>
      <c r="D1022" s="101"/>
      <c r="E1022" s="101"/>
      <c r="F1022" s="101"/>
      <c r="G1022" s="101"/>
      <c r="H1022" s="101"/>
      <c r="I1022" s="101"/>
    </row>
    <row r="1023" spans="1:9" x14ac:dyDescent="0.2">
      <c r="A1023" s="100"/>
      <c r="B1023" s="102"/>
      <c r="C1023" s="103"/>
      <c r="D1023" s="103"/>
      <c r="E1023" s="103"/>
      <c r="F1023" s="103"/>
      <c r="G1023" s="103"/>
      <c r="H1023" s="103"/>
      <c r="I1023" s="104"/>
    </row>
    <row r="1026" spans="1:9" x14ac:dyDescent="0.2">
      <c r="A1026" s="37" t="str">
        <f>IF(B1026="","","名称")</f>
        <v>名称</v>
      </c>
      <c r="B1026" s="84" t="s">
        <v>405</v>
      </c>
      <c r="C1026" s="84"/>
      <c r="D1026" s="84"/>
      <c r="E1026" s="84"/>
      <c r="F1026" s="84"/>
      <c r="G1026" s="84"/>
      <c r="H1026" s="84"/>
      <c r="I1026" s="84"/>
    </row>
    <row r="1027" spans="1:9" x14ac:dyDescent="0.2">
      <c r="A1027" s="85" t="str">
        <f>IF(B1026="","","内容")</f>
        <v>内容</v>
      </c>
      <c r="B1027" s="240" t="s">
        <v>406</v>
      </c>
      <c r="C1027" s="241"/>
      <c r="D1027" s="91"/>
      <c r="E1027" s="91"/>
      <c r="F1027" s="91"/>
      <c r="G1027" s="91"/>
      <c r="H1027" s="91"/>
      <c r="I1027" s="93"/>
    </row>
    <row r="1028" spans="1:9" x14ac:dyDescent="0.2">
      <c r="A1028" s="86"/>
      <c r="B1028" s="242"/>
      <c r="C1028" s="243"/>
      <c r="D1028" s="92"/>
      <c r="E1028" s="92"/>
      <c r="F1028" s="92"/>
      <c r="G1028" s="92"/>
      <c r="H1028" s="92"/>
      <c r="I1028" s="94"/>
    </row>
    <row r="1029" spans="1:9" x14ac:dyDescent="0.2">
      <c r="A1029" s="38" t="str">
        <f>IF(B1026="","","（備考）")</f>
        <v>（備考）</v>
      </c>
      <c r="B1029" s="211" t="s">
        <v>407</v>
      </c>
      <c r="C1029" s="129"/>
      <c r="D1029" s="97"/>
      <c r="E1029" s="97"/>
      <c r="F1029" s="97"/>
      <c r="G1029" s="97"/>
      <c r="H1029" s="97"/>
      <c r="I1029" s="98"/>
    </row>
    <row r="1030" spans="1:9" x14ac:dyDescent="0.2">
      <c r="A1030" s="37" t="str">
        <f>IF(B1026="","","連絡先")</f>
        <v>連絡先</v>
      </c>
      <c r="B1030" s="42" t="s">
        <v>463</v>
      </c>
      <c r="C1030" s="40"/>
      <c r="D1030" s="40"/>
      <c r="E1030" s="40"/>
      <c r="F1030" s="40"/>
      <c r="G1030" s="40"/>
      <c r="H1030" s="40"/>
      <c r="I1030" s="41"/>
    </row>
    <row r="1031" spans="1:9" x14ac:dyDescent="0.2">
      <c r="A1031" s="99" t="str">
        <f>IF(B1026="","","URL")</f>
        <v>URL</v>
      </c>
      <c r="B1031" s="101" t="s">
        <v>464</v>
      </c>
      <c r="C1031" s="101"/>
      <c r="D1031" s="101"/>
      <c r="E1031" s="101"/>
      <c r="F1031" s="101"/>
      <c r="G1031" s="101"/>
      <c r="H1031" s="101"/>
      <c r="I1031" s="101"/>
    </row>
    <row r="1032" spans="1:9" x14ac:dyDescent="0.2">
      <c r="A1032" s="100"/>
      <c r="B1032" s="102"/>
      <c r="C1032" s="103"/>
      <c r="D1032" s="103"/>
      <c r="E1032" s="103"/>
      <c r="F1032" s="103"/>
      <c r="G1032" s="103"/>
      <c r="H1032" s="103"/>
      <c r="I1032" s="104"/>
    </row>
    <row r="1035" spans="1:9" x14ac:dyDescent="0.2">
      <c r="A1035" s="37" t="str">
        <f>IF(B1035="","","名称")</f>
        <v>名称</v>
      </c>
      <c r="B1035" s="84" t="s">
        <v>408</v>
      </c>
      <c r="C1035" s="84"/>
      <c r="D1035" s="84"/>
      <c r="E1035" s="84"/>
      <c r="F1035" s="84"/>
      <c r="G1035" s="84"/>
      <c r="H1035" s="84"/>
      <c r="I1035" s="84"/>
    </row>
    <row r="1036" spans="1:9" x14ac:dyDescent="0.2">
      <c r="A1036" s="85" t="str">
        <f>IF(B1035="","","内容")</f>
        <v>内容</v>
      </c>
      <c r="B1036" s="87" t="s">
        <v>111</v>
      </c>
      <c r="C1036" s="88"/>
      <c r="D1036" s="91"/>
      <c r="E1036" s="91"/>
      <c r="F1036" s="91"/>
      <c r="G1036" s="91"/>
      <c r="H1036" s="91"/>
      <c r="I1036" s="93"/>
    </row>
    <row r="1037" spans="1:9" x14ac:dyDescent="0.2">
      <c r="A1037" s="86"/>
      <c r="B1037" s="89"/>
      <c r="C1037" s="90"/>
      <c r="D1037" s="92"/>
      <c r="E1037" s="92"/>
      <c r="F1037" s="92"/>
      <c r="G1037" s="92"/>
      <c r="H1037" s="92"/>
      <c r="I1037" s="94"/>
    </row>
    <row r="1038" spans="1:9" x14ac:dyDescent="0.2">
      <c r="A1038" s="38" t="str">
        <f>IF(B1035="","","（備考）")</f>
        <v>（備考）</v>
      </c>
      <c r="B1038" s="95"/>
      <c r="C1038" s="96"/>
      <c r="D1038" s="97"/>
      <c r="E1038" s="97"/>
      <c r="F1038" s="97"/>
      <c r="G1038" s="97"/>
      <c r="H1038" s="97"/>
      <c r="I1038" s="98"/>
    </row>
    <row r="1039" spans="1:9" x14ac:dyDescent="0.2">
      <c r="A1039" s="37" t="str">
        <f>IF(B1035="","","連絡先")</f>
        <v>連絡先</v>
      </c>
      <c r="B1039" s="42" t="s">
        <v>409</v>
      </c>
      <c r="C1039" s="40"/>
      <c r="D1039" s="40"/>
      <c r="E1039" s="40"/>
      <c r="F1039" s="40"/>
      <c r="G1039" s="40"/>
      <c r="H1039" s="40"/>
      <c r="I1039" s="41"/>
    </row>
    <row r="1040" spans="1:9" x14ac:dyDescent="0.2">
      <c r="A1040" s="99" t="str">
        <f>IF(B1035="","","URL")</f>
        <v>URL</v>
      </c>
      <c r="B1040" s="101" t="s">
        <v>410</v>
      </c>
      <c r="C1040" s="101"/>
      <c r="D1040" s="101"/>
      <c r="E1040" s="101"/>
      <c r="F1040" s="101"/>
      <c r="G1040" s="101"/>
      <c r="H1040" s="101"/>
      <c r="I1040" s="101"/>
    </row>
    <row r="1041" spans="1:9" x14ac:dyDescent="0.2">
      <c r="A1041" s="100"/>
      <c r="B1041" s="102"/>
      <c r="C1041" s="103"/>
      <c r="D1041" s="103"/>
      <c r="E1041" s="103"/>
      <c r="F1041" s="103"/>
      <c r="G1041" s="103"/>
      <c r="H1041" s="103"/>
      <c r="I1041" s="104"/>
    </row>
    <row r="1044" spans="1:9" x14ac:dyDescent="0.2">
      <c r="A1044" s="37" t="str">
        <f>IF(B1044="","","名称")</f>
        <v/>
      </c>
      <c r="B1044" s="84"/>
      <c r="C1044" s="84"/>
      <c r="D1044" s="84"/>
      <c r="E1044" s="84"/>
      <c r="F1044" s="84"/>
      <c r="G1044" s="84"/>
      <c r="H1044" s="84"/>
      <c r="I1044" s="84"/>
    </row>
    <row r="1045" spans="1:9" x14ac:dyDescent="0.2">
      <c r="A1045" s="85" t="str">
        <f>IF(B1044="","","内容")</f>
        <v/>
      </c>
      <c r="B1045" s="87"/>
      <c r="C1045" s="88"/>
      <c r="D1045" s="91"/>
      <c r="E1045" s="91"/>
      <c r="F1045" s="91"/>
      <c r="G1045" s="91"/>
      <c r="H1045" s="91"/>
      <c r="I1045" s="93"/>
    </row>
    <row r="1046" spans="1:9" x14ac:dyDescent="0.2">
      <c r="A1046" s="86"/>
      <c r="B1046" s="89"/>
      <c r="C1046" s="90"/>
      <c r="D1046" s="92"/>
      <c r="E1046" s="92"/>
      <c r="F1046" s="92"/>
      <c r="G1046" s="92"/>
      <c r="H1046" s="92"/>
      <c r="I1046" s="94"/>
    </row>
    <row r="1047" spans="1:9" x14ac:dyDescent="0.2">
      <c r="A1047" s="38" t="str">
        <f>IF(B1044="","","（備考）")</f>
        <v/>
      </c>
      <c r="B1047" s="116"/>
      <c r="C1047" s="97"/>
      <c r="D1047" s="97"/>
      <c r="E1047" s="97"/>
      <c r="F1047" s="97"/>
      <c r="G1047" s="97"/>
      <c r="H1047" s="97"/>
      <c r="I1047" s="98"/>
    </row>
    <row r="1048" spans="1:9" x14ac:dyDescent="0.2">
      <c r="A1048" s="37" t="str">
        <f>IF(B1044="","","連絡先")</f>
        <v/>
      </c>
      <c r="B1048" s="42"/>
      <c r="C1048" s="40"/>
      <c r="D1048" s="40"/>
      <c r="E1048" s="40"/>
      <c r="F1048" s="40"/>
      <c r="G1048" s="40"/>
      <c r="H1048" s="40"/>
      <c r="I1048" s="41"/>
    </row>
    <row r="1049" spans="1:9" x14ac:dyDescent="0.2">
      <c r="A1049" s="99" t="str">
        <f>IF(B1044="","","URL")</f>
        <v/>
      </c>
      <c r="B1049" s="101"/>
      <c r="C1049" s="101"/>
      <c r="D1049" s="101"/>
      <c r="E1049" s="101"/>
      <c r="F1049" s="101"/>
      <c r="G1049" s="101"/>
      <c r="H1049" s="101"/>
      <c r="I1049" s="101"/>
    </row>
    <row r="1050" spans="1:9" x14ac:dyDescent="0.2">
      <c r="A1050" s="100"/>
      <c r="B1050" s="102"/>
      <c r="C1050" s="103"/>
      <c r="D1050" s="103"/>
      <c r="E1050" s="103"/>
      <c r="F1050" s="103"/>
      <c r="G1050" s="103"/>
      <c r="H1050" s="103"/>
      <c r="I1050" s="104"/>
    </row>
    <row r="1053" spans="1:9" x14ac:dyDescent="0.2">
      <c r="A1053" s="37" t="str">
        <f>IF(B1053="","","名称")</f>
        <v/>
      </c>
      <c r="B1053" s="84"/>
      <c r="C1053" s="84"/>
      <c r="D1053" s="84"/>
      <c r="E1053" s="84"/>
      <c r="F1053" s="84"/>
      <c r="G1053" s="84"/>
      <c r="H1053" s="84"/>
      <c r="I1053" s="84"/>
    </row>
    <row r="1054" spans="1:9" x14ac:dyDescent="0.2">
      <c r="A1054" s="85" t="str">
        <f>IF(B1053="","","内容")</f>
        <v/>
      </c>
      <c r="B1054" s="87"/>
      <c r="C1054" s="88"/>
      <c r="D1054" s="91"/>
      <c r="E1054" s="91"/>
      <c r="F1054" s="91"/>
      <c r="G1054" s="91"/>
      <c r="H1054" s="91"/>
      <c r="I1054" s="93"/>
    </row>
    <row r="1055" spans="1:9" x14ac:dyDescent="0.2">
      <c r="A1055" s="86"/>
      <c r="B1055" s="89"/>
      <c r="C1055" s="90"/>
      <c r="D1055" s="92"/>
      <c r="E1055" s="92"/>
      <c r="F1055" s="92"/>
      <c r="G1055" s="92"/>
      <c r="H1055" s="92"/>
      <c r="I1055" s="94"/>
    </row>
    <row r="1056" spans="1:9" x14ac:dyDescent="0.2">
      <c r="A1056" s="38" t="str">
        <f>IF(B1053="","","（備考）")</f>
        <v/>
      </c>
      <c r="B1056" s="116"/>
      <c r="C1056" s="97"/>
      <c r="D1056" s="97"/>
      <c r="E1056" s="97"/>
      <c r="F1056" s="97"/>
      <c r="G1056" s="97"/>
      <c r="H1056" s="97"/>
      <c r="I1056" s="98"/>
    </row>
    <row r="1057" spans="1:9" x14ac:dyDescent="0.2">
      <c r="A1057" s="37" t="str">
        <f>IF(B1053="","","連絡先")</f>
        <v/>
      </c>
      <c r="B1057" s="42"/>
      <c r="C1057" s="40"/>
      <c r="D1057" s="40"/>
      <c r="E1057" s="40"/>
      <c r="F1057" s="40"/>
      <c r="G1057" s="40"/>
      <c r="H1057" s="40"/>
      <c r="I1057" s="41"/>
    </row>
    <row r="1058" spans="1:9" x14ac:dyDescent="0.2">
      <c r="A1058" s="99" t="str">
        <f>IF(B1053="","","URL")</f>
        <v/>
      </c>
      <c r="B1058" s="101"/>
      <c r="C1058" s="101"/>
      <c r="D1058" s="101"/>
      <c r="E1058" s="101"/>
      <c r="F1058" s="101"/>
      <c r="G1058" s="101"/>
      <c r="H1058" s="101"/>
      <c r="I1058" s="101"/>
    </row>
    <row r="1059" spans="1:9" x14ac:dyDescent="0.2">
      <c r="A1059" s="100"/>
      <c r="B1059" s="102"/>
      <c r="C1059" s="103"/>
      <c r="D1059" s="103"/>
      <c r="E1059" s="103"/>
      <c r="F1059" s="103"/>
      <c r="G1059" s="103"/>
      <c r="H1059" s="103"/>
      <c r="I1059" s="104"/>
    </row>
    <row r="1063" spans="1:9" ht="13.5" customHeight="1" x14ac:dyDescent="0.2">
      <c r="A1063" s="107" t="s">
        <v>247</v>
      </c>
      <c r="B1063" s="107"/>
      <c r="C1063" s="107"/>
      <c r="D1063" s="107"/>
      <c r="E1063" s="107"/>
      <c r="F1063" s="107"/>
      <c r="G1063" s="107"/>
      <c r="H1063" s="107"/>
      <c r="I1063" s="107"/>
    </row>
    <row r="1064" spans="1:9" ht="13.5" customHeight="1" x14ac:dyDescent="0.2">
      <c r="A1064" s="107"/>
      <c r="B1064" s="107"/>
      <c r="C1064" s="107"/>
      <c r="D1064" s="107"/>
      <c r="E1064" s="107"/>
      <c r="F1064" s="107"/>
      <c r="G1064" s="107"/>
      <c r="H1064" s="107"/>
      <c r="I1064" s="107"/>
    </row>
    <row r="1067" spans="1:9" x14ac:dyDescent="0.2">
      <c r="A1067" s="37" t="str">
        <f>IF(B1067="","","名称")</f>
        <v>名称</v>
      </c>
      <c r="B1067" s="84" t="s">
        <v>248</v>
      </c>
      <c r="C1067" s="84"/>
      <c r="D1067" s="84"/>
      <c r="E1067" s="84"/>
      <c r="F1067" s="84"/>
      <c r="G1067" s="84"/>
      <c r="H1067" s="84"/>
      <c r="I1067" s="84"/>
    </row>
    <row r="1068" spans="1:9" x14ac:dyDescent="0.2">
      <c r="A1068" s="85" t="str">
        <f>IF(B1067="","","内容")</f>
        <v>内容</v>
      </c>
      <c r="B1068" s="87" t="s">
        <v>109</v>
      </c>
      <c r="C1068" s="88"/>
      <c r="D1068" s="91"/>
      <c r="E1068" s="91"/>
      <c r="F1068" s="91"/>
      <c r="G1068" s="91"/>
      <c r="H1068" s="91"/>
      <c r="I1068" s="93"/>
    </row>
    <row r="1069" spans="1:9" x14ac:dyDescent="0.2">
      <c r="A1069" s="86"/>
      <c r="B1069" s="89"/>
      <c r="C1069" s="90"/>
      <c r="D1069" s="92"/>
      <c r="E1069" s="92"/>
      <c r="F1069" s="92"/>
      <c r="G1069" s="92"/>
      <c r="H1069" s="92"/>
      <c r="I1069" s="94"/>
    </row>
    <row r="1070" spans="1:9" x14ac:dyDescent="0.2">
      <c r="A1070" s="38" t="str">
        <f>IF(B1067="","","（備考）")</f>
        <v>（備考）</v>
      </c>
      <c r="B1070" s="108"/>
      <c r="C1070" s="109"/>
      <c r="D1070" s="97"/>
      <c r="E1070" s="97"/>
      <c r="F1070" s="97"/>
      <c r="G1070" s="97"/>
      <c r="H1070" s="97"/>
      <c r="I1070" s="98"/>
    </row>
    <row r="1071" spans="1:9" x14ac:dyDescent="0.2">
      <c r="A1071" s="37" t="str">
        <f>IF(B1067="","","連絡先")</f>
        <v>連絡先</v>
      </c>
      <c r="B1071" s="43" t="s">
        <v>249</v>
      </c>
      <c r="C1071" s="40"/>
      <c r="D1071" s="40" t="s">
        <v>178</v>
      </c>
      <c r="E1071" s="40"/>
      <c r="F1071" s="40"/>
      <c r="G1071" s="40"/>
      <c r="H1071" s="40"/>
      <c r="I1071" s="41"/>
    </row>
    <row r="1072" spans="1:9" x14ac:dyDescent="0.2">
      <c r="A1072" s="99" t="str">
        <f>IF(B1067="","","URL")</f>
        <v>URL</v>
      </c>
      <c r="B1072" s="101" t="s">
        <v>250</v>
      </c>
      <c r="C1072" s="101"/>
      <c r="D1072" s="101"/>
      <c r="E1072" s="101"/>
      <c r="F1072" s="101"/>
      <c r="G1072" s="101"/>
      <c r="H1072" s="101"/>
      <c r="I1072" s="101"/>
    </row>
    <row r="1073" spans="1:9" x14ac:dyDescent="0.2">
      <c r="A1073" s="100"/>
      <c r="B1073" s="102"/>
      <c r="C1073" s="103"/>
      <c r="D1073" s="103"/>
      <c r="E1073" s="103"/>
      <c r="F1073" s="103"/>
      <c r="G1073" s="103"/>
      <c r="H1073" s="103"/>
      <c r="I1073" s="104"/>
    </row>
    <row r="1076" spans="1:9" x14ac:dyDescent="0.2">
      <c r="A1076" s="37" t="str">
        <f>IF(B1076="","","名称")</f>
        <v>名称</v>
      </c>
      <c r="B1076" s="84" t="s">
        <v>251</v>
      </c>
      <c r="C1076" s="84"/>
      <c r="D1076" s="84"/>
      <c r="E1076" s="84"/>
      <c r="F1076" s="84"/>
      <c r="G1076" s="84"/>
      <c r="H1076" s="84"/>
      <c r="I1076" s="84"/>
    </row>
    <row r="1077" spans="1:9" x14ac:dyDescent="0.2">
      <c r="A1077" s="85" t="str">
        <f>IF(B1076="","","内容")</f>
        <v>内容</v>
      </c>
      <c r="B1077" s="87" t="s">
        <v>120</v>
      </c>
      <c r="C1077" s="88"/>
      <c r="D1077" s="91" t="s">
        <v>121</v>
      </c>
      <c r="E1077" s="91"/>
      <c r="F1077" s="91"/>
      <c r="G1077" s="91"/>
      <c r="H1077" s="91"/>
      <c r="I1077" s="93"/>
    </row>
    <row r="1078" spans="1:9" x14ac:dyDescent="0.2">
      <c r="A1078" s="86"/>
      <c r="B1078" s="89"/>
      <c r="C1078" s="90"/>
      <c r="D1078" s="92"/>
      <c r="E1078" s="92"/>
      <c r="F1078" s="92"/>
      <c r="G1078" s="92"/>
      <c r="H1078" s="92"/>
      <c r="I1078" s="94"/>
    </row>
    <row r="1079" spans="1:9" x14ac:dyDescent="0.2">
      <c r="A1079" s="38" t="str">
        <f>IF(B1076="","","（備考）")</f>
        <v>（備考）</v>
      </c>
      <c r="B1079" s="174"/>
      <c r="C1079" s="175"/>
      <c r="D1079" s="117" t="s">
        <v>252</v>
      </c>
      <c r="E1079" s="117"/>
      <c r="F1079" s="97"/>
      <c r="G1079" s="97"/>
      <c r="H1079" s="97"/>
      <c r="I1079" s="98"/>
    </row>
    <row r="1080" spans="1:9" x14ac:dyDescent="0.2">
      <c r="A1080" s="37" t="str">
        <f>IF(B1076="","","連絡先")</f>
        <v>連絡先</v>
      </c>
      <c r="B1080" s="43" t="s">
        <v>393</v>
      </c>
      <c r="C1080" s="40"/>
      <c r="D1080" s="40" t="s">
        <v>253</v>
      </c>
      <c r="E1080" s="40"/>
      <c r="F1080" s="44" t="s">
        <v>254</v>
      </c>
      <c r="G1080" s="40"/>
      <c r="H1080" s="40" t="s">
        <v>255</v>
      </c>
      <c r="I1080" s="41"/>
    </row>
    <row r="1081" spans="1:9" x14ac:dyDescent="0.2">
      <c r="A1081" s="99" t="str">
        <f>IF(B1076="","","URL")</f>
        <v>URL</v>
      </c>
      <c r="B1081" s="101" t="s">
        <v>256</v>
      </c>
      <c r="C1081" s="101"/>
      <c r="D1081" s="101"/>
      <c r="E1081" s="101"/>
      <c r="F1081" s="101"/>
      <c r="G1081" s="101"/>
      <c r="H1081" s="101"/>
      <c r="I1081" s="101"/>
    </row>
    <row r="1082" spans="1:9" x14ac:dyDescent="0.2">
      <c r="A1082" s="100"/>
      <c r="B1082" s="102"/>
      <c r="C1082" s="103"/>
      <c r="D1082" s="103"/>
      <c r="E1082" s="103"/>
      <c r="F1082" s="103"/>
      <c r="G1082" s="103"/>
      <c r="H1082" s="103"/>
      <c r="I1082" s="104"/>
    </row>
    <row r="1085" spans="1:9" x14ac:dyDescent="0.2">
      <c r="A1085" s="37" t="str">
        <f>IF(B1085="","","名称")</f>
        <v>名称</v>
      </c>
      <c r="B1085" s="84" t="s">
        <v>257</v>
      </c>
      <c r="C1085" s="84"/>
      <c r="D1085" s="84"/>
      <c r="E1085" s="84"/>
      <c r="F1085" s="84"/>
      <c r="G1085" s="84"/>
      <c r="H1085" s="84"/>
      <c r="I1085" s="84"/>
    </row>
    <row r="1086" spans="1:9" x14ac:dyDescent="0.2">
      <c r="A1086" s="85" t="str">
        <f>IF(B1085="","","内容")</f>
        <v>内容</v>
      </c>
      <c r="B1086" s="87" t="s">
        <v>122</v>
      </c>
      <c r="C1086" s="88"/>
      <c r="D1086" s="91"/>
      <c r="E1086" s="91"/>
      <c r="F1086" s="91"/>
      <c r="G1086" s="91"/>
      <c r="H1086" s="91"/>
      <c r="I1086" s="93"/>
    </row>
    <row r="1087" spans="1:9" x14ac:dyDescent="0.2">
      <c r="A1087" s="86"/>
      <c r="B1087" s="89"/>
      <c r="C1087" s="90"/>
      <c r="D1087" s="92"/>
      <c r="E1087" s="92"/>
      <c r="F1087" s="92"/>
      <c r="G1087" s="92"/>
      <c r="H1087" s="92"/>
      <c r="I1087" s="94"/>
    </row>
    <row r="1088" spans="1:9" x14ac:dyDescent="0.2">
      <c r="A1088" s="38" t="str">
        <f>IF(B1085="","","（備考）")</f>
        <v>（備考）</v>
      </c>
      <c r="B1088" s="172"/>
      <c r="C1088" s="173"/>
      <c r="D1088" s="97"/>
      <c r="E1088" s="97"/>
      <c r="F1088" s="97"/>
      <c r="G1088" s="97"/>
      <c r="H1088" s="97"/>
      <c r="I1088" s="98"/>
    </row>
    <row r="1089" spans="1:9" x14ac:dyDescent="0.2">
      <c r="A1089" s="37" t="str">
        <f>IF(B1085="","","連絡先")</f>
        <v>連絡先</v>
      </c>
      <c r="B1089" s="43" t="s">
        <v>258</v>
      </c>
      <c r="C1089" s="40"/>
      <c r="D1089" s="40" t="s">
        <v>178</v>
      </c>
      <c r="E1089" s="40"/>
      <c r="F1089" s="40"/>
      <c r="G1089" s="40"/>
      <c r="H1089" s="40"/>
      <c r="I1089" s="41"/>
    </row>
    <row r="1090" spans="1:9" x14ac:dyDescent="0.2">
      <c r="A1090" s="99" t="str">
        <f>IF(B1085="","","URL")</f>
        <v>URL</v>
      </c>
      <c r="B1090" s="101" t="s">
        <v>259</v>
      </c>
      <c r="C1090" s="101"/>
      <c r="D1090" s="101"/>
      <c r="E1090" s="101"/>
      <c r="F1090" s="101"/>
      <c r="G1090" s="101"/>
      <c r="H1090" s="101"/>
      <c r="I1090" s="101"/>
    </row>
    <row r="1091" spans="1:9" x14ac:dyDescent="0.2">
      <c r="A1091" s="100"/>
      <c r="B1091" s="102"/>
      <c r="C1091" s="103"/>
      <c r="D1091" s="103"/>
      <c r="E1091" s="103"/>
      <c r="F1091" s="103"/>
      <c r="G1091" s="103"/>
      <c r="H1091" s="103"/>
      <c r="I1091" s="104"/>
    </row>
    <row r="1094" spans="1:9" x14ac:dyDescent="0.2">
      <c r="A1094" s="37" t="str">
        <f>IF(B1094="","","名称")</f>
        <v/>
      </c>
      <c r="B1094" s="84"/>
      <c r="C1094" s="84"/>
      <c r="D1094" s="84"/>
      <c r="E1094" s="84"/>
      <c r="F1094" s="84"/>
      <c r="G1094" s="84"/>
      <c r="H1094" s="84"/>
      <c r="I1094" s="84"/>
    </row>
    <row r="1095" spans="1:9" x14ac:dyDescent="0.2">
      <c r="A1095" s="85" t="str">
        <f>IF(B1094="","","内容")</f>
        <v/>
      </c>
      <c r="B1095" s="87"/>
      <c r="C1095" s="88"/>
      <c r="D1095" s="91"/>
      <c r="E1095" s="91"/>
      <c r="F1095" s="91"/>
      <c r="G1095" s="91"/>
      <c r="H1095" s="91"/>
      <c r="I1095" s="93"/>
    </row>
    <row r="1096" spans="1:9" x14ac:dyDescent="0.2">
      <c r="A1096" s="86"/>
      <c r="B1096" s="89"/>
      <c r="C1096" s="90"/>
      <c r="D1096" s="92"/>
      <c r="E1096" s="92"/>
      <c r="F1096" s="92"/>
      <c r="G1096" s="92"/>
      <c r="H1096" s="92"/>
      <c r="I1096" s="94"/>
    </row>
    <row r="1097" spans="1:9" x14ac:dyDescent="0.2">
      <c r="A1097" s="38" t="str">
        <f>IF(B1094="","","（備考）")</f>
        <v/>
      </c>
      <c r="B1097" s="116"/>
      <c r="C1097" s="97"/>
      <c r="D1097" s="97"/>
      <c r="E1097" s="97"/>
      <c r="F1097" s="97"/>
      <c r="G1097" s="97"/>
      <c r="H1097" s="97"/>
      <c r="I1097" s="98"/>
    </row>
    <row r="1098" spans="1:9" x14ac:dyDescent="0.2">
      <c r="A1098" s="37" t="str">
        <f>IF(B1094="","","連絡先")</f>
        <v/>
      </c>
      <c r="B1098" s="42"/>
      <c r="C1098" s="40"/>
      <c r="D1098" s="40"/>
      <c r="E1098" s="40"/>
      <c r="F1098" s="40"/>
      <c r="G1098" s="40"/>
      <c r="H1098" s="40"/>
      <c r="I1098" s="41"/>
    </row>
    <row r="1099" spans="1:9" x14ac:dyDescent="0.2">
      <c r="A1099" s="99" t="str">
        <f>IF(B1094="","","URL")</f>
        <v/>
      </c>
      <c r="B1099" s="101"/>
      <c r="C1099" s="101"/>
      <c r="D1099" s="101"/>
      <c r="E1099" s="101"/>
      <c r="F1099" s="101"/>
      <c r="G1099" s="101"/>
      <c r="H1099" s="101"/>
      <c r="I1099" s="101"/>
    </row>
    <row r="1100" spans="1:9" x14ac:dyDescent="0.2">
      <c r="A1100" s="100"/>
      <c r="B1100" s="102"/>
      <c r="C1100" s="103"/>
      <c r="D1100" s="103"/>
      <c r="E1100" s="103"/>
      <c r="F1100" s="103"/>
      <c r="G1100" s="103"/>
      <c r="H1100" s="103"/>
      <c r="I1100" s="104"/>
    </row>
    <row r="1103" spans="1:9" x14ac:dyDescent="0.2">
      <c r="A1103" s="37" t="str">
        <f>IF(B1103="","","名称")</f>
        <v/>
      </c>
      <c r="B1103" s="84"/>
      <c r="C1103" s="84"/>
      <c r="D1103" s="84"/>
      <c r="E1103" s="84"/>
      <c r="F1103" s="84"/>
      <c r="G1103" s="84"/>
      <c r="H1103" s="84"/>
      <c r="I1103" s="84"/>
    </row>
    <row r="1104" spans="1:9" x14ac:dyDescent="0.2">
      <c r="A1104" s="85" t="str">
        <f>IF(B1103="","","内容")</f>
        <v/>
      </c>
      <c r="B1104" s="87"/>
      <c r="C1104" s="88"/>
      <c r="D1104" s="91"/>
      <c r="E1104" s="91"/>
      <c r="F1104" s="91"/>
      <c r="G1104" s="91"/>
      <c r="H1104" s="91"/>
      <c r="I1104" s="93"/>
    </row>
    <row r="1105" spans="1:9" x14ac:dyDescent="0.2">
      <c r="A1105" s="86"/>
      <c r="B1105" s="89"/>
      <c r="C1105" s="90"/>
      <c r="D1105" s="92"/>
      <c r="E1105" s="92"/>
      <c r="F1105" s="92"/>
      <c r="G1105" s="92"/>
      <c r="H1105" s="92"/>
      <c r="I1105" s="94"/>
    </row>
    <row r="1106" spans="1:9" x14ac:dyDescent="0.2">
      <c r="A1106" s="38" t="str">
        <f>IF(B1103="","","（備考）")</f>
        <v/>
      </c>
      <c r="B1106" s="116"/>
      <c r="C1106" s="97"/>
      <c r="D1106" s="97"/>
      <c r="E1106" s="97"/>
      <c r="F1106" s="97"/>
      <c r="G1106" s="97"/>
      <c r="H1106" s="97"/>
      <c r="I1106" s="98"/>
    </row>
    <row r="1107" spans="1:9" x14ac:dyDescent="0.2">
      <c r="A1107" s="37" t="str">
        <f>IF(B1103="","","連絡先")</f>
        <v/>
      </c>
      <c r="B1107" s="42"/>
      <c r="C1107" s="40"/>
      <c r="D1107" s="40"/>
      <c r="E1107" s="40"/>
      <c r="F1107" s="40"/>
      <c r="G1107" s="40"/>
      <c r="H1107" s="40"/>
      <c r="I1107" s="41"/>
    </row>
    <row r="1108" spans="1:9" x14ac:dyDescent="0.2">
      <c r="A1108" s="99" t="str">
        <f>IF(B1103="","","URL")</f>
        <v/>
      </c>
      <c r="B1108" s="101"/>
      <c r="C1108" s="101"/>
      <c r="D1108" s="101"/>
      <c r="E1108" s="101"/>
      <c r="F1108" s="101"/>
      <c r="G1108" s="101"/>
      <c r="H1108" s="101"/>
      <c r="I1108" s="101"/>
    </row>
    <row r="1109" spans="1:9" x14ac:dyDescent="0.2">
      <c r="A1109" s="100"/>
      <c r="B1109" s="102"/>
      <c r="C1109" s="103"/>
      <c r="D1109" s="103"/>
      <c r="E1109" s="103"/>
      <c r="F1109" s="103"/>
      <c r="G1109" s="103"/>
      <c r="H1109" s="103"/>
      <c r="I1109" s="104"/>
    </row>
    <row r="1112" spans="1:9" x14ac:dyDescent="0.2">
      <c r="A1112" s="37" t="str">
        <f>IF(B1112="","","名称")</f>
        <v/>
      </c>
      <c r="B1112" s="84"/>
      <c r="C1112" s="84"/>
      <c r="D1112" s="84"/>
      <c r="E1112" s="84"/>
      <c r="F1112" s="84"/>
      <c r="G1112" s="84"/>
      <c r="H1112" s="84"/>
      <c r="I1112" s="84"/>
    </row>
    <row r="1113" spans="1:9" x14ac:dyDescent="0.2">
      <c r="A1113" s="85" t="str">
        <f>IF(B1112="","","内容")</f>
        <v/>
      </c>
      <c r="B1113" s="87"/>
      <c r="C1113" s="88"/>
      <c r="D1113" s="91"/>
      <c r="E1113" s="91"/>
      <c r="F1113" s="91"/>
      <c r="G1113" s="91"/>
      <c r="H1113" s="91"/>
      <c r="I1113" s="93"/>
    </row>
    <row r="1114" spans="1:9" x14ac:dyDescent="0.2">
      <c r="A1114" s="86"/>
      <c r="B1114" s="89"/>
      <c r="C1114" s="90"/>
      <c r="D1114" s="92"/>
      <c r="E1114" s="92"/>
      <c r="F1114" s="92"/>
      <c r="G1114" s="92"/>
      <c r="H1114" s="92"/>
      <c r="I1114" s="94"/>
    </row>
    <row r="1115" spans="1:9" x14ac:dyDescent="0.2">
      <c r="A1115" s="38" t="str">
        <f>IF(B1112="","","（備考）")</f>
        <v/>
      </c>
      <c r="B1115" s="116"/>
      <c r="C1115" s="97"/>
      <c r="D1115" s="97"/>
      <c r="E1115" s="97"/>
      <c r="F1115" s="97"/>
      <c r="G1115" s="97"/>
      <c r="H1115" s="97"/>
      <c r="I1115" s="98"/>
    </row>
    <row r="1116" spans="1:9" x14ac:dyDescent="0.2">
      <c r="A1116" s="37" t="str">
        <f>IF(B1112="","","連絡先")</f>
        <v/>
      </c>
      <c r="B1116" s="42"/>
      <c r="C1116" s="40"/>
      <c r="D1116" s="40"/>
      <c r="E1116" s="40"/>
      <c r="F1116" s="40"/>
      <c r="G1116" s="40"/>
      <c r="H1116" s="40"/>
      <c r="I1116" s="41"/>
    </row>
    <row r="1117" spans="1:9" x14ac:dyDescent="0.2">
      <c r="A1117" s="99" t="str">
        <f>IF(B1112="","","URL")</f>
        <v/>
      </c>
      <c r="B1117" s="101"/>
      <c r="C1117" s="101"/>
      <c r="D1117" s="101"/>
      <c r="E1117" s="101"/>
      <c r="F1117" s="101"/>
      <c r="G1117" s="101"/>
      <c r="H1117" s="101"/>
      <c r="I1117" s="101"/>
    </row>
    <row r="1118" spans="1:9" x14ac:dyDescent="0.2">
      <c r="A1118" s="100"/>
      <c r="B1118" s="102"/>
      <c r="C1118" s="103"/>
      <c r="D1118" s="103"/>
      <c r="E1118" s="103"/>
      <c r="F1118" s="103"/>
      <c r="G1118" s="103"/>
      <c r="H1118" s="103"/>
      <c r="I1118" s="104"/>
    </row>
    <row r="1122" spans="1:9" ht="13.5" customHeight="1" x14ac:dyDescent="0.2">
      <c r="A1122" s="107" t="s">
        <v>260</v>
      </c>
      <c r="B1122" s="107"/>
      <c r="C1122" s="107"/>
      <c r="D1122" s="107"/>
      <c r="E1122" s="107"/>
      <c r="F1122" s="107"/>
      <c r="G1122" s="107"/>
      <c r="H1122" s="107"/>
      <c r="I1122" s="107"/>
    </row>
    <row r="1123" spans="1:9" ht="13.5" customHeight="1" x14ac:dyDescent="0.2">
      <c r="A1123" s="107"/>
      <c r="B1123" s="107"/>
      <c r="C1123" s="107"/>
      <c r="D1123" s="107"/>
      <c r="E1123" s="107"/>
      <c r="F1123" s="107"/>
      <c r="G1123" s="107"/>
      <c r="H1123" s="107"/>
      <c r="I1123" s="107"/>
    </row>
    <row r="1126" spans="1:9" x14ac:dyDescent="0.2">
      <c r="A1126" s="37" t="str">
        <f>IF(B1126="","","名称")</f>
        <v>名称</v>
      </c>
      <c r="B1126" s="84" t="s">
        <v>261</v>
      </c>
      <c r="C1126" s="84"/>
      <c r="D1126" s="84"/>
      <c r="E1126" s="84"/>
      <c r="F1126" s="84"/>
      <c r="G1126" s="84"/>
      <c r="H1126" s="84"/>
      <c r="I1126" s="84"/>
    </row>
    <row r="1127" spans="1:9" x14ac:dyDescent="0.2">
      <c r="A1127" s="85" t="str">
        <f>IF(B1126="","","内容")</f>
        <v>内容</v>
      </c>
      <c r="B1127" s="87" t="s">
        <v>111</v>
      </c>
      <c r="C1127" s="88"/>
      <c r="D1127" s="91" t="s">
        <v>148</v>
      </c>
      <c r="E1127" s="91"/>
      <c r="F1127" s="91"/>
      <c r="G1127" s="91"/>
      <c r="H1127" s="91"/>
      <c r="I1127" s="93"/>
    </row>
    <row r="1128" spans="1:9" x14ac:dyDescent="0.2">
      <c r="A1128" s="86"/>
      <c r="B1128" s="89"/>
      <c r="C1128" s="90"/>
      <c r="D1128" s="92"/>
      <c r="E1128" s="92"/>
      <c r="F1128" s="92"/>
      <c r="G1128" s="92"/>
      <c r="H1128" s="92"/>
      <c r="I1128" s="94"/>
    </row>
    <row r="1129" spans="1:9" x14ac:dyDescent="0.2">
      <c r="A1129" s="38" t="str">
        <f>IF(B1126="","","（備考）")</f>
        <v>（備考）</v>
      </c>
      <c r="B1129" s="95"/>
      <c r="C1129" s="96"/>
      <c r="D1129" s="109"/>
      <c r="E1129" s="109"/>
      <c r="F1129" s="97"/>
      <c r="G1129" s="97"/>
      <c r="H1129" s="97"/>
      <c r="I1129" s="98"/>
    </row>
    <row r="1130" spans="1:9" x14ac:dyDescent="0.2">
      <c r="A1130" s="37" t="str">
        <f>IF(B1126="","","連絡先")</f>
        <v>連絡先</v>
      </c>
      <c r="B1130" s="43" t="s">
        <v>262</v>
      </c>
      <c r="C1130" s="40"/>
      <c r="D1130" s="40" t="s">
        <v>106</v>
      </c>
      <c r="E1130" s="40"/>
      <c r="F1130" s="40"/>
      <c r="G1130" s="40"/>
      <c r="H1130" s="40"/>
      <c r="I1130" s="41"/>
    </row>
    <row r="1131" spans="1:9" x14ac:dyDescent="0.2">
      <c r="A1131" s="99" t="str">
        <f>IF(B1126="","","URL")</f>
        <v>URL</v>
      </c>
      <c r="B1131" s="149" t="s">
        <v>263</v>
      </c>
      <c r="C1131" s="244"/>
      <c r="D1131" s="244"/>
      <c r="E1131" s="244"/>
      <c r="F1131" s="244"/>
      <c r="G1131" s="244"/>
      <c r="H1131" s="244"/>
      <c r="I1131" s="244"/>
    </row>
    <row r="1132" spans="1:9" x14ac:dyDescent="0.2">
      <c r="A1132" s="100"/>
      <c r="B1132" s="245"/>
      <c r="C1132" s="246"/>
      <c r="D1132" s="246"/>
      <c r="E1132" s="246"/>
      <c r="F1132" s="246"/>
      <c r="G1132" s="246"/>
      <c r="H1132" s="246"/>
      <c r="I1132" s="247"/>
    </row>
    <row r="1135" spans="1:9" x14ac:dyDescent="0.2">
      <c r="A1135" s="37" t="str">
        <f>IF(B1135="","","名称")</f>
        <v>名称</v>
      </c>
      <c r="B1135" s="84" t="s">
        <v>264</v>
      </c>
      <c r="C1135" s="84"/>
      <c r="D1135" s="84"/>
      <c r="E1135" s="84"/>
      <c r="F1135" s="84"/>
      <c r="G1135" s="84"/>
      <c r="H1135" s="84"/>
      <c r="I1135" s="84"/>
    </row>
    <row r="1136" spans="1:9" x14ac:dyDescent="0.2">
      <c r="A1136" s="85" t="str">
        <f>IF(B1135="","","内容")</f>
        <v>内容</v>
      </c>
      <c r="B1136" s="87" t="s">
        <v>120</v>
      </c>
      <c r="C1136" s="88"/>
      <c r="D1136" s="91"/>
      <c r="E1136" s="91"/>
      <c r="F1136" s="91"/>
      <c r="G1136" s="91"/>
      <c r="H1136" s="91"/>
      <c r="I1136" s="93"/>
    </row>
    <row r="1137" spans="1:9" x14ac:dyDescent="0.2">
      <c r="A1137" s="86"/>
      <c r="B1137" s="89"/>
      <c r="C1137" s="90"/>
      <c r="D1137" s="92"/>
      <c r="E1137" s="92"/>
      <c r="F1137" s="92"/>
      <c r="G1137" s="92"/>
      <c r="H1137" s="92"/>
      <c r="I1137" s="94"/>
    </row>
    <row r="1138" spans="1:9" x14ac:dyDescent="0.2">
      <c r="A1138" s="38" t="str">
        <f>IF(B1135="","","（備考）")</f>
        <v>（備考）</v>
      </c>
      <c r="B1138" s="174"/>
      <c r="C1138" s="175"/>
      <c r="D1138" s="97"/>
      <c r="E1138" s="97"/>
      <c r="F1138" s="97"/>
      <c r="G1138" s="97"/>
      <c r="H1138" s="97"/>
      <c r="I1138" s="98"/>
    </row>
    <row r="1139" spans="1:9" x14ac:dyDescent="0.2">
      <c r="A1139" s="37" t="str">
        <f>IF(B1135="","","連絡先")</f>
        <v>連絡先</v>
      </c>
      <c r="B1139" s="43" t="s">
        <v>265</v>
      </c>
      <c r="C1139" s="40"/>
      <c r="D1139" s="40" t="s">
        <v>106</v>
      </c>
      <c r="E1139" s="40"/>
      <c r="F1139" s="40"/>
      <c r="G1139" s="40"/>
      <c r="H1139" s="40"/>
      <c r="I1139" s="41"/>
    </row>
    <row r="1140" spans="1:9" x14ac:dyDescent="0.2">
      <c r="A1140" s="99" t="str">
        <f>IF(B1135="","","URL")</f>
        <v>URL</v>
      </c>
      <c r="B1140" s="149" t="s">
        <v>266</v>
      </c>
      <c r="C1140" s="149"/>
      <c r="D1140" s="149"/>
      <c r="E1140" s="149"/>
      <c r="F1140" s="149"/>
      <c r="G1140" s="149"/>
      <c r="H1140" s="149"/>
      <c r="I1140" s="149"/>
    </row>
    <row r="1141" spans="1:9" x14ac:dyDescent="0.2">
      <c r="A1141" s="100"/>
      <c r="B1141" s="161"/>
      <c r="C1141" s="162"/>
      <c r="D1141" s="162"/>
      <c r="E1141" s="162"/>
      <c r="F1141" s="162"/>
      <c r="G1141" s="162"/>
      <c r="H1141" s="162"/>
      <c r="I1141" s="163"/>
    </row>
    <row r="1144" spans="1:9" x14ac:dyDescent="0.2">
      <c r="A1144" s="37" t="str">
        <f>IF(B1144="","","名称")</f>
        <v/>
      </c>
      <c r="B1144" s="84"/>
      <c r="C1144" s="84"/>
      <c r="D1144" s="84"/>
      <c r="E1144" s="84"/>
      <c r="F1144" s="84"/>
      <c r="G1144" s="84"/>
      <c r="H1144" s="84"/>
      <c r="I1144" s="84"/>
    </row>
    <row r="1145" spans="1:9" x14ac:dyDescent="0.2">
      <c r="A1145" s="85" t="str">
        <f>IF(B1144="","","内容")</f>
        <v/>
      </c>
      <c r="B1145" s="87"/>
      <c r="C1145" s="88"/>
      <c r="D1145" s="91"/>
      <c r="E1145" s="91"/>
      <c r="F1145" s="91"/>
      <c r="G1145" s="91"/>
      <c r="H1145" s="91"/>
      <c r="I1145" s="93"/>
    </row>
    <row r="1146" spans="1:9" x14ac:dyDescent="0.2">
      <c r="A1146" s="86"/>
      <c r="B1146" s="89"/>
      <c r="C1146" s="90"/>
      <c r="D1146" s="92"/>
      <c r="E1146" s="92"/>
      <c r="F1146" s="92"/>
      <c r="G1146" s="92"/>
      <c r="H1146" s="92"/>
      <c r="I1146" s="94"/>
    </row>
    <row r="1147" spans="1:9" x14ac:dyDescent="0.2">
      <c r="A1147" s="38" t="str">
        <f>IF(B1144="","","（備考）")</f>
        <v/>
      </c>
      <c r="B1147" s="116"/>
      <c r="C1147" s="97"/>
      <c r="D1147" s="97"/>
      <c r="E1147" s="97"/>
      <c r="F1147" s="97"/>
      <c r="G1147" s="97"/>
      <c r="H1147" s="97"/>
      <c r="I1147" s="98"/>
    </row>
    <row r="1148" spans="1:9" x14ac:dyDescent="0.2">
      <c r="A1148" s="37" t="str">
        <f>IF(B1144="","","連絡先")</f>
        <v/>
      </c>
      <c r="B1148" s="43"/>
      <c r="C1148" s="40"/>
      <c r="D1148" s="40"/>
      <c r="E1148" s="40"/>
      <c r="F1148" s="40"/>
      <c r="G1148" s="40"/>
      <c r="H1148" s="40"/>
      <c r="I1148" s="41"/>
    </row>
    <row r="1149" spans="1:9" x14ac:dyDescent="0.2">
      <c r="A1149" s="99" t="str">
        <f>IF(B1144="","","URL")</f>
        <v/>
      </c>
      <c r="B1149" s="149"/>
      <c r="C1149" s="149"/>
      <c r="D1149" s="149"/>
      <c r="E1149" s="149"/>
      <c r="F1149" s="149"/>
      <c r="G1149" s="149"/>
      <c r="H1149" s="149"/>
      <c r="I1149" s="149"/>
    </row>
    <row r="1150" spans="1:9" x14ac:dyDescent="0.2">
      <c r="A1150" s="100"/>
      <c r="B1150" s="161"/>
      <c r="C1150" s="162"/>
      <c r="D1150" s="162"/>
      <c r="E1150" s="162"/>
      <c r="F1150" s="162"/>
      <c r="G1150" s="162"/>
      <c r="H1150" s="162"/>
      <c r="I1150" s="163"/>
    </row>
    <row r="1153" spans="1:9" x14ac:dyDescent="0.2">
      <c r="A1153" s="37" t="str">
        <f>IF(B1153="","","名称")</f>
        <v/>
      </c>
      <c r="B1153" s="84"/>
      <c r="C1153" s="84"/>
      <c r="D1153" s="84"/>
      <c r="E1153" s="84"/>
      <c r="F1153" s="84"/>
      <c r="G1153" s="84"/>
      <c r="H1153" s="84"/>
      <c r="I1153" s="84"/>
    </row>
    <row r="1154" spans="1:9" x14ac:dyDescent="0.2">
      <c r="A1154" s="85" t="str">
        <f>IF(B1153="","","内容")</f>
        <v/>
      </c>
      <c r="B1154" s="87"/>
      <c r="C1154" s="88"/>
      <c r="D1154" s="91"/>
      <c r="E1154" s="91"/>
      <c r="F1154" s="91"/>
      <c r="G1154" s="91"/>
      <c r="H1154" s="91"/>
      <c r="I1154" s="93"/>
    </row>
    <row r="1155" spans="1:9" x14ac:dyDescent="0.2">
      <c r="A1155" s="86"/>
      <c r="B1155" s="89"/>
      <c r="C1155" s="90"/>
      <c r="D1155" s="92"/>
      <c r="E1155" s="92"/>
      <c r="F1155" s="92"/>
      <c r="G1155" s="92"/>
      <c r="H1155" s="92"/>
      <c r="I1155" s="94"/>
    </row>
    <row r="1156" spans="1:9" x14ac:dyDescent="0.2">
      <c r="A1156" s="38" t="str">
        <f>IF(B1153="","","（備考）")</f>
        <v/>
      </c>
      <c r="B1156" s="116"/>
      <c r="C1156" s="97"/>
      <c r="D1156" s="97"/>
      <c r="E1156" s="97"/>
      <c r="F1156" s="97"/>
      <c r="G1156" s="97"/>
      <c r="H1156" s="97"/>
      <c r="I1156" s="98"/>
    </row>
    <row r="1157" spans="1:9" x14ac:dyDescent="0.2">
      <c r="A1157" s="37" t="str">
        <f>IF(B1153="","","連絡先")</f>
        <v/>
      </c>
      <c r="B1157" s="42"/>
      <c r="C1157" s="40"/>
      <c r="D1157" s="40"/>
      <c r="E1157" s="40"/>
      <c r="F1157" s="40"/>
      <c r="G1157" s="40"/>
      <c r="H1157" s="40"/>
      <c r="I1157" s="41"/>
    </row>
    <row r="1158" spans="1:9" x14ac:dyDescent="0.2">
      <c r="A1158" s="99" t="str">
        <f>IF(B1153="","","URL")</f>
        <v/>
      </c>
      <c r="B1158" s="101"/>
      <c r="C1158" s="101"/>
      <c r="D1158" s="101"/>
      <c r="E1158" s="101"/>
      <c r="F1158" s="101"/>
      <c r="G1158" s="101"/>
      <c r="H1158" s="101"/>
      <c r="I1158" s="101"/>
    </row>
    <row r="1159" spans="1:9" x14ac:dyDescent="0.2">
      <c r="A1159" s="100"/>
      <c r="B1159" s="102"/>
      <c r="C1159" s="103"/>
      <c r="D1159" s="103"/>
      <c r="E1159" s="103"/>
      <c r="F1159" s="103"/>
      <c r="G1159" s="103"/>
      <c r="H1159" s="103"/>
      <c r="I1159" s="104"/>
    </row>
    <row r="1162" spans="1:9" x14ac:dyDescent="0.2">
      <c r="A1162" s="37" t="str">
        <f>IF(B1162="","","名称")</f>
        <v/>
      </c>
      <c r="B1162" s="84"/>
      <c r="C1162" s="84"/>
      <c r="D1162" s="84"/>
      <c r="E1162" s="84"/>
      <c r="F1162" s="84"/>
      <c r="G1162" s="84"/>
      <c r="H1162" s="84"/>
      <c r="I1162" s="84"/>
    </row>
    <row r="1163" spans="1:9" x14ac:dyDescent="0.2">
      <c r="A1163" s="85" t="str">
        <f>IF(B1162="","","内容")</f>
        <v/>
      </c>
      <c r="B1163" s="87"/>
      <c r="C1163" s="88"/>
      <c r="D1163" s="91"/>
      <c r="E1163" s="91"/>
      <c r="F1163" s="91"/>
      <c r="G1163" s="91"/>
      <c r="H1163" s="91"/>
      <c r="I1163" s="93"/>
    </row>
    <row r="1164" spans="1:9" x14ac:dyDescent="0.2">
      <c r="A1164" s="86"/>
      <c r="B1164" s="89"/>
      <c r="C1164" s="90"/>
      <c r="D1164" s="92"/>
      <c r="E1164" s="92"/>
      <c r="F1164" s="92"/>
      <c r="G1164" s="92"/>
      <c r="H1164" s="92"/>
      <c r="I1164" s="94"/>
    </row>
    <row r="1165" spans="1:9" x14ac:dyDescent="0.2">
      <c r="A1165" s="38" t="str">
        <f>IF(B1162="","","（備考）")</f>
        <v/>
      </c>
      <c r="B1165" s="116"/>
      <c r="C1165" s="97"/>
      <c r="D1165" s="97"/>
      <c r="E1165" s="97"/>
      <c r="F1165" s="97"/>
      <c r="G1165" s="97"/>
      <c r="H1165" s="97"/>
      <c r="I1165" s="98"/>
    </row>
    <row r="1166" spans="1:9" x14ac:dyDescent="0.2">
      <c r="A1166" s="37" t="str">
        <f>IF(B1162="","","連絡先")</f>
        <v/>
      </c>
      <c r="B1166" s="42"/>
      <c r="C1166" s="40"/>
      <c r="D1166" s="40"/>
      <c r="E1166" s="40"/>
      <c r="F1166" s="40"/>
      <c r="G1166" s="40"/>
      <c r="H1166" s="40"/>
      <c r="I1166" s="41"/>
    </row>
    <row r="1167" spans="1:9" x14ac:dyDescent="0.2">
      <c r="A1167" s="99" t="str">
        <f>IF(B1162="","","URL")</f>
        <v/>
      </c>
      <c r="B1167" s="101"/>
      <c r="C1167" s="101"/>
      <c r="D1167" s="101"/>
      <c r="E1167" s="101"/>
      <c r="F1167" s="101"/>
      <c r="G1167" s="101"/>
      <c r="H1167" s="101"/>
      <c r="I1167" s="101"/>
    </row>
    <row r="1168" spans="1:9" x14ac:dyDescent="0.2">
      <c r="A1168" s="100"/>
      <c r="B1168" s="102"/>
      <c r="C1168" s="103"/>
      <c r="D1168" s="103"/>
      <c r="E1168" s="103"/>
      <c r="F1168" s="103"/>
      <c r="G1168" s="103"/>
      <c r="H1168" s="103"/>
      <c r="I1168" s="104"/>
    </row>
    <row r="1171" spans="1:9" x14ac:dyDescent="0.2">
      <c r="A1171" s="37" t="str">
        <f>IF(B1171="","","名称")</f>
        <v/>
      </c>
      <c r="B1171" s="84"/>
      <c r="C1171" s="84"/>
      <c r="D1171" s="84"/>
      <c r="E1171" s="84"/>
      <c r="F1171" s="84"/>
      <c r="G1171" s="84"/>
      <c r="H1171" s="84"/>
      <c r="I1171" s="84"/>
    </row>
    <row r="1172" spans="1:9" x14ac:dyDescent="0.2">
      <c r="A1172" s="85" t="str">
        <f>IF(B1171="","","内容")</f>
        <v/>
      </c>
      <c r="B1172" s="87"/>
      <c r="C1172" s="88"/>
      <c r="D1172" s="91"/>
      <c r="E1172" s="91"/>
      <c r="F1172" s="91"/>
      <c r="G1172" s="91"/>
      <c r="H1172" s="91"/>
      <c r="I1172" s="93"/>
    </row>
    <row r="1173" spans="1:9" x14ac:dyDescent="0.2">
      <c r="A1173" s="86"/>
      <c r="B1173" s="89"/>
      <c r="C1173" s="90"/>
      <c r="D1173" s="92"/>
      <c r="E1173" s="92"/>
      <c r="F1173" s="92"/>
      <c r="G1173" s="92"/>
      <c r="H1173" s="92"/>
      <c r="I1173" s="94"/>
    </row>
    <row r="1174" spans="1:9" x14ac:dyDescent="0.2">
      <c r="A1174" s="38" t="str">
        <f>IF(B1171="","","（備考）")</f>
        <v/>
      </c>
      <c r="B1174" s="116"/>
      <c r="C1174" s="97"/>
      <c r="D1174" s="97"/>
      <c r="E1174" s="97"/>
      <c r="F1174" s="97"/>
      <c r="G1174" s="97"/>
      <c r="H1174" s="97"/>
      <c r="I1174" s="98"/>
    </row>
    <row r="1175" spans="1:9" x14ac:dyDescent="0.2">
      <c r="A1175" s="37" t="str">
        <f>IF(B1171="","","連絡先")</f>
        <v/>
      </c>
      <c r="B1175" s="42"/>
      <c r="C1175" s="40"/>
      <c r="D1175" s="40"/>
      <c r="E1175" s="40"/>
      <c r="F1175" s="40"/>
      <c r="G1175" s="40"/>
      <c r="H1175" s="40"/>
      <c r="I1175" s="41"/>
    </row>
    <row r="1176" spans="1:9" x14ac:dyDescent="0.2">
      <c r="A1176" s="99" t="str">
        <f>IF(B1171="","","URL")</f>
        <v/>
      </c>
      <c r="B1176" s="101"/>
      <c r="C1176" s="101"/>
      <c r="D1176" s="101"/>
      <c r="E1176" s="101"/>
      <c r="F1176" s="101"/>
      <c r="G1176" s="101"/>
      <c r="H1176" s="101"/>
      <c r="I1176" s="101"/>
    </row>
    <row r="1177" spans="1:9" x14ac:dyDescent="0.2">
      <c r="A1177" s="100"/>
      <c r="B1177" s="102"/>
      <c r="C1177" s="103"/>
      <c r="D1177" s="103"/>
      <c r="E1177" s="103"/>
      <c r="F1177" s="103"/>
      <c r="G1177" s="103"/>
      <c r="H1177" s="103"/>
      <c r="I1177" s="104"/>
    </row>
    <row r="1181" spans="1:9" ht="13.5" customHeight="1" x14ac:dyDescent="0.2">
      <c r="A1181" s="107" t="s">
        <v>267</v>
      </c>
      <c r="B1181" s="107"/>
      <c r="C1181" s="107"/>
      <c r="D1181" s="107"/>
      <c r="E1181" s="107"/>
      <c r="F1181" s="107"/>
      <c r="G1181" s="107"/>
      <c r="H1181" s="107"/>
      <c r="I1181" s="107"/>
    </row>
    <row r="1182" spans="1:9" ht="13.5" customHeight="1" x14ac:dyDescent="0.2">
      <c r="A1182" s="107"/>
      <c r="B1182" s="107"/>
      <c r="C1182" s="107"/>
      <c r="D1182" s="107"/>
      <c r="E1182" s="107"/>
      <c r="F1182" s="107"/>
      <c r="G1182" s="107"/>
      <c r="H1182" s="107"/>
      <c r="I1182" s="107"/>
    </row>
    <row r="1185" spans="1:9" x14ac:dyDescent="0.2">
      <c r="A1185" s="37" t="str">
        <f>IF(B1185="","","名称")</f>
        <v>名称</v>
      </c>
      <c r="B1185" s="84" t="s">
        <v>268</v>
      </c>
      <c r="C1185" s="84"/>
      <c r="D1185" s="84"/>
      <c r="E1185" s="84"/>
      <c r="F1185" s="84"/>
      <c r="G1185" s="84"/>
      <c r="H1185" s="84"/>
      <c r="I1185" s="84"/>
    </row>
    <row r="1186" spans="1:9" x14ac:dyDescent="0.2">
      <c r="A1186" s="85" t="str">
        <f>IF(B1185="","","内容")</f>
        <v>内容</v>
      </c>
      <c r="B1186" s="87" t="s">
        <v>109</v>
      </c>
      <c r="C1186" s="88"/>
      <c r="D1186" s="91"/>
      <c r="E1186" s="91"/>
      <c r="F1186" s="91"/>
      <c r="G1186" s="91"/>
      <c r="H1186" s="91"/>
      <c r="I1186" s="93"/>
    </row>
    <row r="1187" spans="1:9" x14ac:dyDescent="0.2">
      <c r="A1187" s="86"/>
      <c r="B1187" s="89"/>
      <c r="C1187" s="90"/>
      <c r="D1187" s="92"/>
      <c r="E1187" s="92"/>
      <c r="F1187" s="92"/>
      <c r="G1187" s="92"/>
      <c r="H1187" s="92"/>
      <c r="I1187" s="94"/>
    </row>
    <row r="1188" spans="1:9" x14ac:dyDescent="0.2">
      <c r="A1188" s="38" t="str">
        <f>IF(B1185="","","（備考）")</f>
        <v>（備考）</v>
      </c>
      <c r="B1188" s="108"/>
      <c r="C1188" s="109"/>
      <c r="D1188" s="97"/>
      <c r="E1188" s="97"/>
      <c r="F1188" s="97"/>
      <c r="G1188" s="97"/>
      <c r="H1188" s="97"/>
      <c r="I1188" s="98"/>
    </row>
    <row r="1189" spans="1:9" x14ac:dyDescent="0.2">
      <c r="A1189" s="37" t="str">
        <f>IF(B1185="","","連絡先")</f>
        <v>連絡先</v>
      </c>
      <c r="B1189" s="43" t="s">
        <v>269</v>
      </c>
      <c r="C1189" s="40"/>
      <c r="D1189" s="40" t="s">
        <v>106</v>
      </c>
      <c r="E1189" s="40"/>
      <c r="F1189" s="40"/>
      <c r="G1189" s="40"/>
      <c r="H1189" s="40"/>
      <c r="I1189" s="41"/>
    </row>
    <row r="1190" spans="1:9" x14ac:dyDescent="0.2">
      <c r="A1190" s="99" t="str">
        <f>IF(B1185="","","URL")</f>
        <v>URL</v>
      </c>
      <c r="B1190" s="149" t="s">
        <v>270</v>
      </c>
      <c r="C1190" s="149"/>
      <c r="D1190" s="149"/>
      <c r="E1190" s="149"/>
      <c r="F1190" s="149"/>
      <c r="G1190" s="149"/>
      <c r="H1190" s="149"/>
      <c r="I1190" s="149"/>
    </row>
    <row r="1191" spans="1:9" x14ac:dyDescent="0.2">
      <c r="A1191" s="100"/>
      <c r="B1191" s="161"/>
      <c r="C1191" s="162"/>
      <c r="D1191" s="162"/>
      <c r="E1191" s="162"/>
      <c r="F1191" s="162"/>
      <c r="G1191" s="162"/>
      <c r="H1191" s="162"/>
      <c r="I1191" s="163"/>
    </row>
    <row r="1194" spans="1:9" x14ac:dyDescent="0.2">
      <c r="A1194" s="37" t="str">
        <f>IF(B1194="","","名称")</f>
        <v>名称</v>
      </c>
      <c r="B1194" s="84" t="s">
        <v>271</v>
      </c>
      <c r="C1194" s="84"/>
      <c r="D1194" s="84"/>
      <c r="E1194" s="84"/>
      <c r="F1194" s="84"/>
      <c r="G1194" s="84"/>
      <c r="H1194" s="84"/>
      <c r="I1194" s="84"/>
    </row>
    <row r="1195" spans="1:9" x14ac:dyDescent="0.2">
      <c r="A1195" s="85" t="str">
        <f>IF(B1194="","","内容")</f>
        <v>内容</v>
      </c>
      <c r="B1195" s="87" t="s">
        <v>120</v>
      </c>
      <c r="C1195" s="88"/>
      <c r="D1195" s="91"/>
      <c r="E1195" s="91"/>
      <c r="F1195" s="91"/>
      <c r="G1195" s="91"/>
      <c r="H1195" s="91"/>
      <c r="I1195" s="93"/>
    </row>
    <row r="1196" spans="1:9" x14ac:dyDescent="0.2">
      <c r="A1196" s="86"/>
      <c r="B1196" s="89"/>
      <c r="C1196" s="90"/>
      <c r="D1196" s="92"/>
      <c r="E1196" s="92"/>
      <c r="F1196" s="92"/>
      <c r="G1196" s="92"/>
      <c r="H1196" s="92"/>
      <c r="I1196" s="94"/>
    </row>
    <row r="1197" spans="1:9" x14ac:dyDescent="0.2">
      <c r="A1197" s="38" t="str">
        <f>IF(B1194="","","（備考）")</f>
        <v>（備考）</v>
      </c>
      <c r="B1197" s="174"/>
      <c r="C1197" s="175"/>
      <c r="D1197" s="97"/>
      <c r="E1197" s="97"/>
      <c r="F1197" s="97"/>
      <c r="G1197" s="97"/>
      <c r="H1197" s="97"/>
      <c r="I1197" s="98"/>
    </row>
    <row r="1198" spans="1:9" x14ac:dyDescent="0.2">
      <c r="A1198" s="37" t="str">
        <f>IF(B1194="","","連絡先")</f>
        <v>連絡先</v>
      </c>
      <c r="B1198" s="43" t="s">
        <v>272</v>
      </c>
      <c r="C1198" s="40"/>
      <c r="D1198" s="40" t="s">
        <v>106</v>
      </c>
      <c r="E1198" s="40"/>
      <c r="F1198" s="40"/>
      <c r="G1198" s="40"/>
      <c r="H1198" s="40"/>
      <c r="I1198" s="41"/>
    </row>
    <row r="1199" spans="1:9" x14ac:dyDescent="0.2">
      <c r="A1199" s="99" t="str">
        <f>IF(B1194="","","URL")</f>
        <v>URL</v>
      </c>
      <c r="B1199" s="149" t="s">
        <v>273</v>
      </c>
      <c r="C1199" s="149"/>
      <c r="D1199" s="149"/>
      <c r="E1199" s="149"/>
      <c r="F1199" s="149"/>
      <c r="G1199" s="149"/>
      <c r="H1199" s="149"/>
      <c r="I1199" s="149"/>
    </row>
    <row r="1200" spans="1:9" x14ac:dyDescent="0.2">
      <c r="A1200" s="100"/>
      <c r="B1200" s="161"/>
      <c r="C1200" s="162"/>
      <c r="D1200" s="162"/>
      <c r="E1200" s="162"/>
      <c r="F1200" s="162"/>
      <c r="G1200" s="162"/>
      <c r="H1200" s="162"/>
      <c r="I1200" s="163"/>
    </row>
    <row r="1203" spans="1:9" x14ac:dyDescent="0.2">
      <c r="A1203" s="37" t="str">
        <f>IF(B1203="","","名称")</f>
        <v>名称</v>
      </c>
      <c r="B1203" s="84" t="s">
        <v>274</v>
      </c>
      <c r="C1203" s="84"/>
      <c r="D1203" s="84"/>
      <c r="E1203" s="84"/>
      <c r="F1203" s="84"/>
      <c r="G1203" s="84"/>
      <c r="H1203" s="84"/>
      <c r="I1203" s="84"/>
    </row>
    <row r="1204" spans="1:9" x14ac:dyDescent="0.2">
      <c r="A1204" s="85" t="str">
        <f>IF(B1203="","","内容")</f>
        <v>内容</v>
      </c>
      <c r="B1204" s="87" t="s">
        <v>412</v>
      </c>
      <c r="C1204" s="88"/>
      <c r="D1204" s="91"/>
      <c r="E1204" s="91"/>
      <c r="F1204" s="91"/>
      <c r="G1204" s="91"/>
      <c r="H1204" s="91"/>
      <c r="I1204" s="93"/>
    </row>
    <row r="1205" spans="1:9" x14ac:dyDescent="0.2">
      <c r="A1205" s="86"/>
      <c r="B1205" s="89"/>
      <c r="C1205" s="90"/>
      <c r="D1205" s="92"/>
      <c r="E1205" s="92"/>
      <c r="F1205" s="92"/>
      <c r="G1205" s="92"/>
      <c r="H1205" s="92"/>
      <c r="I1205" s="94"/>
    </row>
    <row r="1206" spans="1:9" x14ac:dyDescent="0.2">
      <c r="A1206" s="38" t="str">
        <f>IF(B1203="","","（備考）")</f>
        <v>（備考）</v>
      </c>
      <c r="B1206" s="172"/>
      <c r="C1206" s="173"/>
      <c r="D1206" s="97"/>
      <c r="E1206" s="97"/>
      <c r="F1206" s="97"/>
      <c r="G1206" s="97"/>
      <c r="H1206" s="97"/>
      <c r="I1206" s="98"/>
    </row>
    <row r="1207" spans="1:9" x14ac:dyDescent="0.2">
      <c r="A1207" s="37" t="str">
        <f>IF(B1203="","","連絡先")</f>
        <v>連絡先</v>
      </c>
      <c r="B1207" s="43" t="s">
        <v>275</v>
      </c>
      <c r="C1207" s="40"/>
      <c r="D1207" s="40" t="s">
        <v>106</v>
      </c>
      <c r="E1207" s="40"/>
      <c r="F1207" s="40"/>
      <c r="G1207" s="40"/>
      <c r="H1207" s="40"/>
      <c r="I1207" s="41"/>
    </row>
    <row r="1208" spans="1:9" x14ac:dyDescent="0.2">
      <c r="A1208" s="99" t="str">
        <f>IF(B1203="","","URL")</f>
        <v>URL</v>
      </c>
      <c r="B1208" s="101" t="s">
        <v>276</v>
      </c>
      <c r="C1208" s="101"/>
      <c r="D1208" s="101"/>
      <c r="E1208" s="101"/>
      <c r="F1208" s="101"/>
      <c r="G1208" s="101"/>
      <c r="H1208" s="101"/>
      <c r="I1208" s="101"/>
    </row>
    <row r="1209" spans="1:9" x14ac:dyDescent="0.2">
      <c r="A1209" s="100"/>
      <c r="B1209" s="102"/>
      <c r="C1209" s="103"/>
      <c r="D1209" s="103"/>
      <c r="E1209" s="103"/>
      <c r="F1209" s="103"/>
      <c r="G1209" s="103"/>
      <c r="H1209" s="103"/>
      <c r="I1209" s="104"/>
    </row>
    <row r="1212" spans="1:9" x14ac:dyDescent="0.2">
      <c r="A1212" s="37" t="str">
        <f>IF(B1212="","","名称")</f>
        <v/>
      </c>
      <c r="B1212" s="84"/>
      <c r="C1212" s="84"/>
      <c r="D1212" s="84"/>
      <c r="E1212" s="84"/>
      <c r="F1212" s="84"/>
      <c r="G1212" s="84"/>
      <c r="H1212" s="84"/>
      <c r="I1212" s="84"/>
    </row>
    <row r="1213" spans="1:9" x14ac:dyDescent="0.2">
      <c r="A1213" s="85" t="str">
        <f>IF(B1212="","","内容")</f>
        <v/>
      </c>
      <c r="B1213" s="87"/>
      <c r="C1213" s="88"/>
      <c r="D1213" s="91"/>
      <c r="E1213" s="91"/>
      <c r="F1213" s="91"/>
      <c r="G1213" s="91"/>
      <c r="H1213" s="91"/>
      <c r="I1213" s="93"/>
    </row>
    <row r="1214" spans="1:9" x14ac:dyDescent="0.2">
      <c r="A1214" s="86"/>
      <c r="B1214" s="89"/>
      <c r="C1214" s="90"/>
      <c r="D1214" s="92"/>
      <c r="E1214" s="92"/>
      <c r="F1214" s="92"/>
      <c r="G1214" s="92"/>
      <c r="H1214" s="92"/>
      <c r="I1214" s="94"/>
    </row>
    <row r="1215" spans="1:9" x14ac:dyDescent="0.2">
      <c r="A1215" s="38" t="str">
        <f>IF(B1212="","","（備考）")</f>
        <v/>
      </c>
      <c r="B1215" s="116"/>
      <c r="C1215" s="97"/>
      <c r="D1215" s="97"/>
      <c r="E1215" s="97"/>
      <c r="F1215" s="97"/>
      <c r="G1215" s="97"/>
      <c r="H1215" s="97"/>
      <c r="I1215" s="98"/>
    </row>
    <row r="1216" spans="1:9" x14ac:dyDescent="0.2">
      <c r="A1216" s="37" t="str">
        <f>IF(B1212="","","連絡先")</f>
        <v/>
      </c>
      <c r="B1216" s="42"/>
      <c r="C1216" s="40"/>
      <c r="D1216" s="40"/>
      <c r="E1216" s="40"/>
      <c r="F1216" s="40"/>
      <c r="G1216" s="40"/>
      <c r="H1216" s="40"/>
      <c r="I1216" s="41"/>
    </row>
    <row r="1217" spans="1:9" x14ac:dyDescent="0.2">
      <c r="A1217" s="99" t="str">
        <f>IF(B1212="","","URL")</f>
        <v/>
      </c>
      <c r="B1217" s="101"/>
      <c r="C1217" s="101"/>
      <c r="D1217" s="101"/>
      <c r="E1217" s="101"/>
      <c r="F1217" s="101"/>
      <c r="G1217" s="101"/>
      <c r="H1217" s="101"/>
      <c r="I1217" s="101"/>
    </row>
    <row r="1218" spans="1:9" x14ac:dyDescent="0.2">
      <c r="A1218" s="100"/>
      <c r="B1218" s="102"/>
      <c r="C1218" s="103"/>
      <c r="D1218" s="103"/>
      <c r="E1218" s="103"/>
      <c r="F1218" s="103"/>
      <c r="G1218" s="103"/>
      <c r="H1218" s="103"/>
      <c r="I1218" s="104"/>
    </row>
    <row r="1221" spans="1:9" x14ac:dyDescent="0.2">
      <c r="A1221" s="37" t="str">
        <f>IF(B1221="","","名称")</f>
        <v/>
      </c>
      <c r="B1221" s="84"/>
      <c r="C1221" s="84"/>
      <c r="D1221" s="84"/>
      <c r="E1221" s="84"/>
      <c r="F1221" s="84"/>
      <c r="G1221" s="84"/>
      <c r="H1221" s="84"/>
      <c r="I1221" s="84"/>
    </row>
    <row r="1222" spans="1:9" x14ac:dyDescent="0.2">
      <c r="A1222" s="85" t="str">
        <f>IF(B1221="","","内容")</f>
        <v/>
      </c>
      <c r="B1222" s="87"/>
      <c r="C1222" s="88"/>
      <c r="D1222" s="91"/>
      <c r="E1222" s="91"/>
      <c r="F1222" s="91"/>
      <c r="G1222" s="91"/>
      <c r="H1222" s="91"/>
      <c r="I1222" s="93"/>
    </row>
    <row r="1223" spans="1:9" x14ac:dyDescent="0.2">
      <c r="A1223" s="86"/>
      <c r="B1223" s="89"/>
      <c r="C1223" s="90"/>
      <c r="D1223" s="92"/>
      <c r="E1223" s="92"/>
      <c r="F1223" s="92"/>
      <c r="G1223" s="92"/>
      <c r="H1223" s="92"/>
      <c r="I1223" s="94"/>
    </row>
    <row r="1224" spans="1:9" x14ac:dyDescent="0.2">
      <c r="A1224" s="38" t="str">
        <f>IF(B1221="","","（備考）")</f>
        <v/>
      </c>
      <c r="B1224" s="116"/>
      <c r="C1224" s="97"/>
      <c r="D1224" s="97"/>
      <c r="E1224" s="97"/>
      <c r="F1224" s="97"/>
      <c r="G1224" s="97"/>
      <c r="H1224" s="97"/>
      <c r="I1224" s="98"/>
    </row>
    <row r="1225" spans="1:9" x14ac:dyDescent="0.2">
      <c r="A1225" s="37" t="str">
        <f>IF(B1221="","","連絡先")</f>
        <v/>
      </c>
      <c r="B1225" s="42"/>
      <c r="C1225" s="40"/>
      <c r="D1225" s="40"/>
      <c r="E1225" s="40"/>
      <c r="F1225" s="40"/>
      <c r="G1225" s="40"/>
      <c r="H1225" s="40"/>
      <c r="I1225" s="41"/>
    </row>
    <row r="1226" spans="1:9" x14ac:dyDescent="0.2">
      <c r="A1226" s="99" t="str">
        <f>IF(B1221="","","URL")</f>
        <v/>
      </c>
      <c r="B1226" s="101"/>
      <c r="C1226" s="101"/>
      <c r="D1226" s="101"/>
      <c r="E1226" s="101"/>
      <c r="F1226" s="101"/>
      <c r="G1226" s="101"/>
      <c r="H1226" s="101"/>
      <c r="I1226" s="101"/>
    </row>
    <row r="1227" spans="1:9" x14ac:dyDescent="0.2">
      <c r="A1227" s="100"/>
      <c r="B1227" s="102"/>
      <c r="C1227" s="103"/>
      <c r="D1227" s="103"/>
      <c r="E1227" s="103"/>
      <c r="F1227" s="103"/>
      <c r="G1227" s="103"/>
      <c r="H1227" s="103"/>
      <c r="I1227" s="104"/>
    </row>
    <row r="1230" spans="1:9" x14ac:dyDescent="0.2">
      <c r="A1230" s="37" t="str">
        <f>IF(B1230="","","名称")</f>
        <v/>
      </c>
      <c r="B1230" s="84"/>
      <c r="C1230" s="84"/>
      <c r="D1230" s="84"/>
      <c r="E1230" s="84"/>
      <c r="F1230" s="84"/>
      <c r="G1230" s="84"/>
      <c r="H1230" s="84"/>
      <c r="I1230" s="84"/>
    </row>
    <row r="1231" spans="1:9" x14ac:dyDescent="0.2">
      <c r="A1231" s="85" t="str">
        <f>IF(B1230="","","内容")</f>
        <v/>
      </c>
      <c r="B1231" s="87"/>
      <c r="C1231" s="88"/>
      <c r="D1231" s="91"/>
      <c r="E1231" s="91"/>
      <c r="F1231" s="91"/>
      <c r="G1231" s="91"/>
      <c r="H1231" s="91"/>
      <c r="I1231" s="93"/>
    </row>
    <row r="1232" spans="1:9" x14ac:dyDescent="0.2">
      <c r="A1232" s="86"/>
      <c r="B1232" s="89"/>
      <c r="C1232" s="90"/>
      <c r="D1232" s="92"/>
      <c r="E1232" s="92"/>
      <c r="F1232" s="92"/>
      <c r="G1232" s="92"/>
      <c r="H1232" s="92"/>
      <c r="I1232" s="94"/>
    </row>
    <row r="1233" spans="1:9" x14ac:dyDescent="0.2">
      <c r="A1233" s="38" t="str">
        <f>IF(B1230="","","（備考）")</f>
        <v/>
      </c>
      <c r="B1233" s="116"/>
      <c r="C1233" s="97"/>
      <c r="D1233" s="97"/>
      <c r="E1233" s="97"/>
      <c r="F1233" s="97"/>
      <c r="G1233" s="97"/>
      <c r="H1233" s="97"/>
      <c r="I1233" s="98"/>
    </row>
    <row r="1234" spans="1:9" x14ac:dyDescent="0.2">
      <c r="A1234" s="37" t="str">
        <f>IF(B1230="","","連絡先")</f>
        <v/>
      </c>
      <c r="B1234" s="42"/>
      <c r="C1234" s="40"/>
      <c r="D1234" s="40"/>
      <c r="E1234" s="40"/>
      <c r="F1234" s="40"/>
      <c r="G1234" s="40"/>
      <c r="H1234" s="40"/>
      <c r="I1234" s="41"/>
    </row>
    <row r="1235" spans="1:9" x14ac:dyDescent="0.2">
      <c r="A1235" s="99" t="str">
        <f>IF(B1230="","","URL")</f>
        <v/>
      </c>
      <c r="B1235" s="101"/>
      <c r="C1235" s="101"/>
      <c r="D1235" s="101"/>
      <c r="E1235" s="101"/>
      <c r="F1235" s="101"/>
      <c r="G1235" s="101"/>
      <c r="H1235" s="101"/>
      <c r="I1235" s="101"/>
    </row>
    <row r="1236" spans="1:9" x14ac:dyDescent="0.2">
      <c r="A1236" s="100"/>
      <c r="B1236" s="102"/>
      <c r="C1236" s="103"/>
      <c r="D1236" s="103"/>
      <c r="E1236" s="103"/>
      <c r="F1236" s="103"/>
      <c r="G1236" s="103"/>
      <c r="H1236" s="103"/>
      <c r="I1236" s="104"/>
    </row>
    <row r="1240" spans="1:9" ht="13.5" customHeight="1" x14ac:dyDescent="0.2">
      <c r="A1240" s="107" t="s">
        <v>277</v>
      </c>
      <c r="B1240" s="107"/>
      <c r="C1240" s="107"/>
      <c r="D1240" s="107"/>
      <c r="E1240" s="107"/>
      <c r="F1240" s="107"/>
      <c r="G1240" s="107"/>
      <c r="H1240" s="107"/>
      <c r="I1240" s="107"/>
    </row>
    <row r="1241" spans="1:9" ht="13.5" customHeight="1" x14ac:dyDescent="0.2">
      <c r="A1241" s="107"/>
      <c r="B1241" s="107"/>
      <c r="C1241" s="107"/>
      <c r="D1241" s="107"/>
      <c r="E1241" s="107"/>
      <c r="F1241" s="107"/>
      <c r="G1241" s="107"/>
      <c r="H1241" s="107"/>
      <c r="I1241" s="107"/>
    </row>
    <row r="1244" spans="1:9" x14ac:dyDescent="0.2">
      <c r="A1244" s="37" t="str">
        <f>IF(B1244="","","名称")</f>
        <v>名称</v>
      </c>
      <c r="B1244" s="84" t="s">
        <v>278</v>
      </c>
      <c r="C1244" s="84"/>
      <c r="D1244" s="84"/>
      <c r="E1244" s="84"/>
      <c r="F1244" s="84"/>
      <c r="G1244" s="84"/>
      <c r="H1244" s="84"/>
      <c r="I1244" s="84"/>
    </row>
    <row r="1245" spans="1:9" x14ac:dyDescent="0.2">
      <c r="A1245" s="85" t="str">
        <f>IF(B1244="","","内容")</f>
        <v>内容</v>
      </c>
      <c r="B1245" s="87" t="s">
        <v>109</v>
      </c>
      <c r="C1245" s="88"/>
      <c r="D1245" s="91"/>
      <c r="E1245" s="91"/>
      <c r="F1245" s="91"/>
      <c r="G1245" s="91"/>
      <c r="H1245" s="91"/>
      <c r="I1245" s="93"/>
    </row>
    <row r="1246" spans="1:9" x14ac:dyDescent="0.2">
      <c r="A1246" s="86"/>
      <c r="B1246" s="89"/>
      <c r="C1246" s="90"/>
      <c r="D1246" s="92"/>
      <c r="E1246" s="92"/>
      <c r="F1246" s="92"/>
      <c r="G1246" s="92"/>
      <c r="H1246" s="92"/>
      <c r="I1246" s="94"/>
    </row>
    <row r="1247" spans="1:9" x14ac:dyDescent="0.2">
      <c r="A1247" s="38" t="str">
        <f>IF(B1244="","","（備考）")</f>
        <v>（備考）</v>
      </c>
      <c r="B1247" s="108"/>
      <c r="C1247" s="109"/>
      <c r="D1247" s="97"/>
      <c r="E1247" s="97"/>
      <c r="F1247" s="97"/>
      <c r="G1247" s="97"/>
      <c r="H1247" s="97"/>
      <c r="I1247" s="98"/>
    </row>
    <row r="1248" spans="1:9" x14ac:dyDescent="0.2">
      <c r="A1248" s="37" t="str">
        <f>IF(B1244="","","連絡先")</f>
        <v>連絡先</v>
      </c>
      <c r="B1248" s="43" t="s">
        <v>279</v>
      </c>
      <c r="C1248" s="40"/>
      <c r="D1248" s="40" t="s">
        <v>106</v>
      </c>
      <c r="E1248" s="40"/>
      <c r="F1248" s="40"/>
      <c r="G1248" s="40"/>
      <c r="H1248" s="40"/>
      <c r="I1248" s="41"/>
    </row>
    <row r="1249" spans="1:9" x14ac:dyDescent="0.2">
      <c r="A1249" s="99" t="str">
        <f>IF(B1244="","","URL")</f>
        <v>URL</v>
      </c>
      <c r="B1249" s="149" t="s">
        <v>280</v>
      </c>
      <c r="C1249" s="149"/>
      <c r="D1249" s="149"/>
      <c r="E1249" s="149"/>
      <c r="F1249" s="149"/>
      <c r="G1249" s="149"/>
      <c r="H1249" s="149"/>
      <c r="I1249" s="149"/>
    </row>
    <row r="1250" spans="1:9" x14ac:dyDescent="0.2">
      <c r="A1250" s="100"/>
      <c r="B1250" s="161"/>
      <c r="C1250" s="162"/>
      <c r="D1250" s="162"/>
      <c r="E1250" s="162"/>
      <c r="F1250" s="162"/>
      <c r="G1250" s="162"/>
      <c r="H1250" s="162"/>
      <c r="I1250" s="163"/>
    </row>
    <row r="1253" spans="1:9" x14ac:dyDescent="0.2">
      <c r="A1253" s="37" t="str">
        <f>IF(B1253="","","名称")</f>
        <v>名称</v>
      </c>
      <c r="B1253" s="84" t="s">
        <v>470</v>
      </c>
      <c r="C1253" s="84"/>
      <c r="D1253" s="84"/>
      <c r="E1253" s="84"/>
      <c r="F1253" s="84"/>
      <c r="G1253" s="84"/>
      <c r="H1253" s="84"/>
      <c r="I1253" s="84"/>
    </row>
    <row r="1254" spans="1:9" x14ac:dyDescent="0.2">
      <c r="A1254" s="85" t="str">
        <f>IF(B1253="","","内容")</f>
        <v>内容</v>
      </c>
      <c r="B1254" s="87" t="s">
        <v>120</v>
      </c>
      <c r="C1254" s="88"/>
      <c r="D1254" s="91"/>
      <c r="E1254" s="91"/>
      <c r="F1254" s="91"/>
      <c r="G1254" s="91"/>
      <c r="H1254" s="91"/>
      <c r="I1254" s="93"/>
    </row>
    <row r="1255" spans="1:9" x14ac:dyDescent="0.2">
      <c r="A1255" s="86"/>
      <c r="B1255" s="89"/>
      <c r="C1255" s="90"/>
      <c r="D1255" s="92"/>
      <c r="E1255" s="92"/>
      <c r="F1255" s="92"/>
      <c r="G1255" s="92"/>
      <c r="H1255" s="92"/>
      <c r="I1255" s="94"/>
    </row>
    <row r="1256" spans="1:9" x14ac:dyDescent="0.2">
      <c r="A1256" s="38" t="str">
        <f>IF(B1253="","","（備考）")</f>
        <v>（備考）</v>
      </c>
      <c r="B1256" s="174" t="s">
        <v>440</v>
      </c>
      <c r="C1256" s="175"/>
      <c r="D1256" s="97"/>
      <c r="E1256" s="97"/>
      <c r="F1256" s="97"/>
      <c r="G1256" s="97"/>
      <c r="H1256" s="97"/>
      <c r="I1256" s="98"/>
    </row>
    <row r="1257" spans="1:9" x14ac:dyDescent="0.2">
      <c r="A1257" s="37" t="str">
        <f>IF(B1253="","","連絡先")</f>
        <v>連絡先</v>
      </c>
      <c r="B1257" s="43" t="s">
        <v>471</v>
      </c>
      <c r="C1257" s="40"/>
      <c r="D1257" s="40" t="s">
        <v>106</v>
      </c>
      <c r="E1257" s="40"/>
      <c r="F1257" s="40"/>
      <c r="G1257" s="40"/>
      <c r="H1257" s="40"/>
      <c r="I1257" s="41"/>
    </row>
    <row r="1258" spans="1:9" x14ac:dyDescent="0.2">
      <c r="A1258" s="99" t="str">
        <f>IF(B1253="","","URL")</f>
        <v>URL</v>
      </c>
      <c r="B1258" s="149" t="s">
        <v>472</v>
      </c>
      <c r="C1258" s="101"/>
      <c r="D1258" s="101"/>
      <c r="E1258" s="101"/>
      <c r="F1258" s="101"/>
      <c r="G1258" s="101"/>
      <c r="H1258" s="101"/>
      <c r="I1258" s="101"/>
    </row>
    <row r="1259" spans="1:9" x14ac:dyDescent="0.2">
      <c r="A1259" s="100"/>
      <c r="B1259" s="102"/>
      <c r="C1259" s="103"/>
      <c r="D1259" s="103"/>
      <c r="E1259" s="103"/>
      <c r="F1259" s="103"/>
      <c r="G1259" s="103"/>
      <c r="H1259" s="103"/>
      <c r="I1259" s="104"/>
    </row>
    <row r="1262" spans="1:9" x14ac:dyDescent="0.2">
      <c r="A1262" s="37" t="str">
        <f>IF(B1262="","","名称")</f>
        <v/>
      </c>
      <c r="B1262" s="84"/>
      <c r="C1262" s="84"/>
      <c r="D1262" s="84"/>
      <c r="E1262" s="84"/>
      <c r="F1262" s="84"/>
      <c r="G1262" s="84"/>
      <c r="H1262" s="84"/>
      <c r="I1262" s="84"/>
    </row>
    <row r="1263" spans="1:9" x14ac:dyDescent="0.2">
      <c r="A1263" s="85" t="str">
        <f>IF(B1262="","","内容")</f>
        <v/>
      </c>
      <c r="B1263" s="87"/>
      <c r="C1263" s="88"/>
      <c r="D1263" s="91"/>
      <c r="E1263" s="91"/>
      <c r="F1263" s="91"/>
      <c r="G1263" s="91"/>
      <c r="H1263" s="91"/>
      <c r="I1263" s="93"/>
    </row>
    <row r="1264" spans="1:9" x14ac:dyDescent="0.2">
      <c r="A1264" s="86"/>
      <c r="B1264" s="89"/>
      <c r="C1264" s="90"/>
      <c r="D1264" s="92"/>
      <c r="E1264" s="92"/>
      <c r="F1264" s="92"/>
      <c r="G1264" s="92"/>
      <c r="H1264" s="92"/>
      <c r="I1264" s="94"/>
    </row>
    <row r="1265" spans="1:9" x14ac:dyDescent="0.2">
      <c r="A1265" s="38" t="str">
        <f>IF(B1262="","","（備考）")</f>
        <v/>
      </c>
      <c r="B1265" s="116"/>
      <c r="C1265" s="97"/>
      <c r="D1265" s="97"/>
      <c r="E1265" s="97"/>
      <c r="F1265" s="97"/>
      <c r="G1265" s="97"/>
      <c r="H1265" s="97"/>
      <c r="I1265" s="98"/>
    </row>
    <row r="1266" spans="1:9" x14ac:dyDescent="0.2">
      <c r="A1266" s="37" t="str">
        <f>IF(B1262="","","連絡先")</f>
        <v/>
      </c>
      <c r="B1266" s="42"/>
      <c r="C1266" s="40"/>
      <c r="D1266" s="40"/>
      <c r="E1266" s="40"/>
      <c r="F1266" s="40"/>
      <c r="G1266" s="40"/>
      <c r="H1266" s="40"/>
      <c r="I1266" s="41"/>
    </row>
    <row r="1267" spans="1:9" x14ac:dyDescent="0.2">
      <c r="A1267" s="99" t="str">
        <f>IF(B1262="","","URL")</f>
        <v/>
      </c>
      <c r="B1267" s="101"/>
      <c r="C1267" s="101"/>
      <c r="D1267" s="101"/>
      <c r="E1267" s="101"/>
      <c r="F1267" s="101"/>
      <c r="G1267" s="101"/>
      <c r="H1267" s="101"/>
      <c r="I1267" s="101"/>
    </row>
    <row r="1268" spans="1:9" x14ac:dyDescent="0.2">
      <c r="A1268" s="100"/>
      <c r="B1268" s="102"/>
      <c r="C1268" s="103"/>
      <c r="D1268" s="103"/>
      <c r="E1268" s="103"/>
      <c r="F1268" s="103"/>
      <c r="G1268" s="103"/>
      <c r="H1268" s="103"/>
      <c r="I1268" s="104"/>
    </row>
    <row r="1271" spans="1:9" x14ac:dyDescent="0.2">
      <c r="A1271" s="37" t="str">
        <f>IF(B1271="","","名称")</f>
        <v/>
      </c>
      <c r="B1271" s="84"/>
      <c r="C1271" s="84"/>
      <c r="D1271" s="84"/>
      <c r="E1271" s="84"/>
      <c r="F1271" s="84"/>
      <c r="G1271" s="84"/>
      <c r="H1271" s="84"/>
      <c r="I1271" s="84"/>
    </row>
    <row r="1272" spans="1:9" x14ac:dyDescent="0.2">
      <c r="A1272" s="85" t="str">
        <f>IF(B1271="","","内容")</f>
        <v/>
      </c>
      <c r="B1272" s="87"/>
      <c r="C1272" s="88"/>
      <c r="D1272" s="91"/>
      <c r="E1272" s="91"/>
      <c r="F1272" s="91"/>
      <c r="G1272" s="91"/>
      <c r="H1272" s="91"/>
      <c r="I1272" s="93"/>
    </row>
    <row r="1273" spans="1:9" x14ac:dyDescent="0.2">
      <c r="A1273" s="86"/>
      <c r="B1273" s="89"/>
      <c r="C1273" s="90"/>
      <c r="D1273" s="92"/>
      <c r="E1273" s="92"/>
      <c r="F1273" s="92"/>
      <c r="G1273" s="92"/>
      <c r="H1273" s="92"/>
      <c r="I1273" s="94"/>
    </row>
    <row r="1274" spans="1:9" x14ac:dyDescent="0.2">
      <c r="A1274" s="38" t="str">
        <f>IF(B1271="","","（備考）")</f>
        <v/>
      </c>
      <c r="B1274" s="116"/>
      <c r="C1274" s="97"/>
      <c r="D1274" s="97"/>
      <c r="E1274" s="97"/>
      <c r="F1274" s="97"/>
      <c r="G1274" s="97"/>
      <c r="H1274" s="97"/>
      <c r="I1274" s="98"/>
    </row>
    <row r="1275" spans="1:9" x14ac:dyDescent="0.2">
      <c r="A1275" s="37" t="str">
        <f>IF(B1271="","","連絡先")</f>
        <v/>
      </c>
      <c r="B1275" s="42"/>
      <c r="C1275" s="40"/>
      <c r="D1275" s="40"/>
      <c r="E1275" s="40"/>
      <c r="F1275" s="40"/>
      <c r="G1275" s="40"/>
      <c r="H1275" s="40"/>
      <c r="I1275" s="41"/>
    </row>
    <row r="1276" spans="1:9" x14ac:dyDescent="0.2">
      <c r="A1276" s="99" t="str">
        <f>IF(B1271="","","URL")</f>
        <v/>
      </c>
      <c r="B1276" s="101"/>
      <c r="C1276" s="101"/>
      <c r="D1276" s="101"/>
      <c r="E1276" s="101"/>
      <c r="F1276" s="101"/>
      <c r="G1276" s="101"/>
      <c r="H1276" s="101"/>
      <c r="I1276" s="101"/>
    </row>
    <row r="1277" spans="1:9" x14ac:dyDescent="0.2">
      <c r="A1277" s="100"/>
      <c r="B1277" s="102"/>
      <c r="C1277" s="103"/>
      <c r="D1277" s="103"/>
      <c r="E1277" s="103"/>
      <c r="F1277" s="103"/>
      <c r="G1277" s="103"/>
      <c r="H1277" s="103"/>
      <c r="I1277" s="104"/>
    </row>
    <row r="1280" spans="1:9" x14ac:dyDescent="0.2">
      <c r="A1280" s="37" t="str">
        <f>IF(B1280="","","名称")</f>
        <v/>
      </c>
      <c r="B1280" s="84"/>
      <c r="C1280" s="84"/>
      <c r="D1280" s="84"/>
      <c r="E1280" s="84"/>
      <c r="F1280" s="84"/>
      <c r="G1280" s="84"/>
      <c r="H1280" s="84"/>
      <c r="I1280" s="84"/>
    </row>
    <row r="1281" spans="1:9" x14ac:dyDescent="0.2">
      <c r="A1281" s="85" t="str">
        <f>IF(B1280="","","内容")</f>
        <v/>
      </c>
      <c r="B1281" s="87"/>
      <c r="C1281" s="88"/>
      <c r="D1281" s="91"/>
      <c r="E1281" s="91"/>
      <c r="F1281" s="91"/>
      <c r="G1281" s="91"/>
      <c r="H1281" s="91"/>
      <c r="I1281" s="93"/>
    </row>
    <row r="1282" spans="1:9" x14ac:dyDescent="0.2">
      <c r="A1282" s="86"/>
      <c r="B1282" s="89"/>
      <c r="C1282" s="90"/>
      <c r="D1282" s="92"/>
      <c r="E1282" s="92"/>
      <c r="F1282" s="92"/>
      <c r="G1282" s="92"/>
      <c r="H1282" s="92"/>
      <c r="I1282" s="94"/>
    </row>
    <row r="1283" spans="1:9" x14ac:dyDescent="0.2">
      <c r="A1283" s="38" t="str">
        <f>IF(B1280="","","（備考）")</f>
        <v/>
      </c>
      <c r="B1283" s="116"/>
      <c r="C1283" s="97"/>
      <c r="D1283" s="97"/>
      <c r="E1283" s="97"/>
      <c r="F1283" s="97"/>
      <c r="G1283" s="97"/>
      <c r="H1283" s="97"/>
      <c r="I1283" s="98"/>
    </row>
    <row r="1284" spans="1:9" x14ac:dyDescent="0.2">
      <c r="A1284" s="37" t="str">
        <f>IF(B1280="","","連絡先")</f>
        <v/>
      </c>
      <c r="B1284" s="42"/>
      <c r="C1284" s="40"/>
      <c r="D1284" s="40"/>
      <c r="E1284" s="40"/>
      <c r="F1284" s="40"/>
      <c r="G1284" s="40"/>
      <c r="H1284" s="40"/>
      <c r="I1284" s="41"/>
    </row>
    <row r="1285" spans="1:9" x14ac:dyDescent="0.2">
      <c r="A1285" s="99" t="str">
        <f>IF(B1280="","","URL")</f>
        <v/>
      </c>
      <c r="B1285" s="101"/>
      <c r="C1285" s="101"/>
      <c r="D1285" s="101"/>
      <c r="E1285" s="101"/>
      <c r="F1285" s="101"/>
      <c r="G1285" s="101"/>
      <c r="H1285" s="101"/>
      <c r="I1285" s="101"/>
    </row>
    <row r="1286" spans="1:9" x14ac:dyDescent="0.2">
      <c r="A1286" s="100"/>
      <c r="B1286" s="102"/>
      <c r="C1286" s="103"/>
      <c r="D1286" s="103"/>
      <c r="E1286" s="103"/>
      <c r="F1286" s="103"/>
      <c r="G1286" s="103"/>
      <c r="H1286" s="103"/>
      <c r="I1286" s="104"/>
    </row>
    <row r="1289" spans="1:9" x14ac:dyDescent="0.2">
      <c r="A1289" s="37" t="str">
        <f>IF(B1289="","","名称")</f>
        <v/>
      </c>
      <c r="B1289" s="84"/>
      <c r="C1289" s="84"/>
      <c r="D1289" s="84"/>
      <c r="E1289" s="84"/>
      <c r="F1289" s="84"/>
      <c r="G1289" s="84"/>
      <c r="H1289" s="84"/>
      <c r="I1289" s="84"/>
    </row>
    <row r="1290" spans="1:9" x14ac:dyDescent="0.2">
      <c r="A1290" s="85" t="str">
        <f>IF(B1289="","","内容")</f>
        <v/>
      </c>
      <c r="B1290" s="87"/>
      <c r="C1290" s="88"/>
      <c r="D1290" s="91"/>
      <c r="E1290" s="91"/>
      <c r="F1290" s="91"/>
      <c r="G1290" s="91"/>
      <c r="H1290" s="91"/>
      <c r="I1290" s="93"/>
    </row>
    <row r="1291" spans="1:9" x14ac:dyDescent="0.2">
      <c r="A1291" s="86"/>
      <c r="B1291" s="89"/>
      <c r="C1291" s="90"/>
      <c r="D1291" s="92"/>
      <c r="E1291" s="92"/>
      <c r="F1291" s="92"/>
      <c r="G1291" s="92"/>
      <c r="H1291" s="92"/>
      <c r="I1291" s="94"/>
    </row>
    <row r="1292" spans="1:9" x14ac:dyDescent="0.2">
      <c r="A1292" s="38" t="str">
        <f>IF(B1289="","","（備考）")</f>
        <v/>
      </c>
      <c r="B1292" s="116"/>
      <c r="C1292" s="97"/>
      <c r="D1292" s="97"/>
      <c r="E1292" s="97"/>
      <c r="F1292" s="97"/>
      <c r="G1292" s="97"/>
      <c r="H1292" s="97"/>
      <c r="I1292" s="98"/>
    </row>
    <row r="1293" spans="1:9" x14ac:dyDescent="0.2">
      <c r="A1293" s="37" t="str">
        <f>IF(B1289="","","連絡先")</f>
        <v/>
      </c>
      <c r="B1293" s="42"/>
      <c r="C1293" s="40"/>
      <c r="D1293" s="40"/>
      <c r="E1293" s="40"/>
      <c r="F1293" s="40"/>
      <c r="G1293" s="40"/>
      <c r="H1293" s="40"/>
      <c r="I1293" s="41"/>
    </row>
    <row r="1294" spans="1:9" x14ac:dyDescent="0.2">
      <c r="A1294" s="99" t="str">
        <f>IF(B1289="","","URL")</f>
        <v/>
      </c>
      <c r="B1294" s="101"/>
      <c r="C1294" s="101"/>
      <c r="D1294" s="101"/>
      <c r="E1294" s="101"/>
      <c r="F1294" s="101"/>
      <c r="G1294" s="101"/>
      <c r="H1294" s="101"/>
      <c r="I1294" s="101"/>
    </row>
    <row r="1295" spans="1:9" x14ac:dyDescent="0.2">
      <c r="A1295" s="100"/>
      <c r="B1295" s="102"/>
      <c r="C1295" s="103"/>
      <c r="D1295" s="103"/>
      <c r="E1295" s="103"/>
      <c r="F1295" s="103"/>
      <c r="G1295" s="103"/>
      <c r="H1295" s="103"/>
      <c r="I1295" s="104"/>
    </row>
    <row r="1299" spans="1:9" ht="13.5" customHeight="1" x14ac:dyDescent="0.2">
      <c r="A1299" s="107" t="s">
        <v>281</v>
      </c>
      <c r="B1299" s="107"/>
      <c r="C1299" s="107"/>
      <c r="D1299" s="107"/>
      <c r="E1299" s="107"/>
      <c r="F1299" s="107"/>
      <c r="G1299" s="107"/>
      <c r="H1299" s="107"/>
      <c r="I1299" s="107"/>
    </row>
    <row r="1300" spans="1:9" ht="13.5" customHeight="1" x14ac:dyDescent="0.2">
      <c r="A1300" s="107"/>
      <c r="B1300" s="107"/>
      <c r="C1300" s="107"/>
      <c r="D1300" s="107"/>
      <c r="E1300" s="107"/>
      <c r="F1300" s="107"/>
      <c r="G1300" s="107"/>
      <c r="H1300" s="107"/>
      <c r="I1300" s="107"/>
    </row>
    <row r="1303" spans="1:9" x14ac:dyDescent="0.2">
      <c r="A1303" s="37" t="str">
        <f>IF(B1303="","","名称")</f>
        <v>名称</v>
      </c>
      <c r="B1303" s="84" t="s">
        <v>282</v>
      </c>
      <c r="C1303" s="84"/>
      <c r="D1303" s="84"/>
      <c r="E1303" s="84"/>
      <c r="F1303" s="84"/>
      <c r="G1303" s="84"/>
      <c r="H1303" s="84"/>
      <c r="I1303" s="84"/>
    </row>
    <row r="1304" spans="1:9" x14ac:dyDescent="0.2">
      <c r="A1304" s="85" t="str">
        <f>IF(B1303="","","内容")</f>
        <v>内容</v>
      </c>
      <c r="B1304" s="87" t="s">
        <v>111</v>
      </c>
      <c r="C1304" s="88"/>
      <c r="D1304" s="91" t="s">
        <v>148</v>
      </c>
      <c r="E1304" s="91"/>
      <c r="F1304" s="91"/>
      <c r="G1304" s="91"/>
      <c r="H1304" s="91"/>
      <c r="I1304" s="93"/>
    </row>
    <row r="1305" spans="1:9" x14ac:dyDescent="0.2">
      <c r="A1305" s="86"/>
      <c r="B1305" s="89"/>
      <c r="C1305" s="90"/>
      <c r="D1305" s="92"/>
      <c r="E1305" s="92"/>
      <c r="F1305" s="92"/>
      <c r="G1305" s="92"/>
      <c r="H1305" s="92"/>
      <c r="I1305" s="94"/>
    </row>
    <row r="1306" spans="1:9" x14ac:dyDescent="0.2">
      <c r="A1306" s="38" t="str">
        <f>IF(B1303="","","（備考）")</f>
        <v>（備考）</v>
      </c>
      <c r="B1306" s="95" t="s">
        <v>168</v>
      </c>
      <c r="C1306" s="96"/>
      <c r="D1306" s="109" t="s">
        <v>283</v>
      </c>
      <c r="E1306" s="109"/>
      <c r="F1306" s="97"/>
      <c r="G1306" s="97"/>
      <c r="H1306" s="97"/>
      <c r="I1306" s="98"/>
    </row>
    <row r="1307" spans="1:9" x14ac:dyDescent="0.2">
      <c r="A1307" s="37" t="str">
        <f>IF(B1303="","","連絡先")</f>
        <v>連絡先</v>
      </c>
      <c r="B1307" s="43" t="s">
        <v>284</v>
      </c>
      <c r="C1307" s="40"/>
      <c r="D1307" s="40" t="s">
        <v>106</v>
      </c>
      <c r="E1307" s="40"/>
      <c r="F1307" s="40"/>
      <c r="G1307" s="40"/>
      <c r="H1307" s="40"/>
      <c r="I1307" s="41"/>
    </row>
    <row r="1308" spans="1:9" x14ac:dyDescent="0.2">
      <c r="A1308" s="99" t="str">
        <f>IF(B1303="","","URL")</f>
        <v>URL</v>
      </c>
      <c r="B1308" s="101" t="s">
        <v>493</v>
      </c>
      <c r="C1308" s="101"/>
      <c r="D1308" s="101"/>
      <c r="E1308" s="101"/>
      <c r="F1308" s="101"/>
      <c r="G1308" s="101"/>
      <c r="H1308" s="101"/>
      <c r="I1308" s="101"/>
    </row>
    <row r="1309" spans="1:9" x14ac:dyDescent="0.2">
      <c r="A1309" s="100"/>
      <c r="B1309" s="102"/>
      <c r="C1309" s="103"/>
      <c r="D1309" s="103"/>
      <c r="E1309" s="103"/>
      <c r="F1309" s="103"/>
      <c r="G1309" s="103"/>
      <c r="H1309" s="103"/>
      <c r="I1309" s="104"/>
    </row>
    <row r="1312" spans="1:9" x14ac:dyDescent="0.2">
      <c r="A1312" s="37" t="str">
        <f>IF(B1312="","","名称")</f>
        <v>名称</v>
      </c>
      <c r="B1312" s="84" t="s">
        <v>285</v>
      </c>
      <c r="C1312" s="84"/>
      <c r="D1312" s="84"/>
      <c r="E1312" s="84"/>
      <c r="F1312" s="84"/>
      <c r="G1312" s="84"/>
      <c r="H1312" s="84"/>
      <c r="I1312" s="84"/>
    </row>
    <row r="1313" spans="1:9" x14ac:dyDescent="0.2">
      <c r="A1313" s="85" t="str">
        <f>IF(B1312="","","内容")</f>
        <v>内容</v>
      </c>
      <c r="B1313" s="87" t="s">
        <v>111</v>
      </c>
      <c r="C1313" s="88"/>
      <c r="D1313" s="91" t="s">
        <v>148</v>
      </c>
      <c r="E1313" s="91"/>
      <c r="F1313" s="91"/>
      <c r="G1313" s="91"/>
      <c r="H1313" s="91"/>
      <c r="I1313" s="93"/>
    </row>
    <row r="1314" spans="1:9" x14ac:dyDescent="0.2">
      <c r="A1314" s="86"/>
      <c r="B1314" s="89"/>
      <c r="C1314" s="90"/>
      <c r="D1314" s="92"/>
      <c r="E1314" s="92"/>
      <c r="F1314" s="92"/>
      <c r="G1314" s="92"/>
      <c r="H1314" s="92"/>
      <c r="I1314" s="94"/>
    </row>
    <row r="1315" spans="1:9" x14ac:dyDescent="0.2">
      <c r="A1315" s="38" t="str">
        <f>IF(B1312="","","（備考）")</f>
        <v>（備考）</v>
      </c>
      <c r="B1315" s="95" t="s">
        <v>286</v>
      </c>
      <c r="C1315" s="96"/>
      <c r="D1315" s="109" t="s">
        <v>287</v>
      </c>
      <c r="E1315" s="109"/>
      <c r="F1315" s="97"/>
      <c r="G1315" s="97"/>
      <c r="H1315" s="97"/>
      <c r="I1315" s="98"/>
    </row>
    <row r="1316" spans="1:9" x14ac:dyDescent="0.2">
      <c r="A1316" s="37" t="str">
        <f>IF(B1312="","","連絡先")</f>
        <v>連絡先</v>
      </c>
      <c r="B1316" s="43" t="s">
        <v>288</v>
      </c>
      <c r="C1316" s="40"/>
      <c r="D1316" s="40" t="s">
        <v>106</v>
      </c>
      <c r="E1316" s="40"/>
      <c r="F1316" s="40"/>
      <c r="G1316" s="40"/>
      <c r="H1316" s="40"/>
      <c r="I1316" s="41"/>
    </row>
    <row r="1317" spans="1:9" x14ac:dyDescent="0.2">
      <c r="A1317" s="99" t="str">
        <f>IF(B1312="","","URL")</f>
        <v>URL</v>
      </c>
      <c r="B1317" s="101" t="s">
        <v>494</v>
      </c>
      <c r="C1317" s="101"/>
      <c r="D1317" s="101"/>
      <c r="E1317" s="101"/>
      <c r="F1317" s="101"/>
      <c r="G1317" s="101"/>
      <c r="H1317" s="101"/>
      <c r="I1317" s="101"/>
    </row>
    <row r="1318" spans="1:9" x14ac:dyDescent="0.2">
      <c r="A1318" s="100"/>
      <c r="B1318" s="102"/>
      <c r="C1318" s="103"/>
      <c r="D1318" s="103"/>
      <c r="E1318" s="103"/>
      <c r="F1318" s="103"/>
      <c r="G1318" s="103"/>
      <c r="H1318" s="103"/>
      <c r="I1318" s="104"/>
    </row>
    <row r="1321" spans="1:9" x14ac:dyDescent="0.2">
      <c r="A1321" s="37" t="str">
        <f>IF(B1321="","","名称")</f>
        <v>名称</v>
      </c>
      <c r="B1321" s="84" t="s">
        <v>289</v>
      </c>
      <c r="C1321" s="84"/>
      <c r="D1321" s="84"/>
      <c r="E1321" s="84"/>
      <c r="F1321" s="84"/>
      <c r="G1321" s="84"/>
      <c r="H1321" s="84"/>
      <c r="I1321" s="84"/>
    </row>
    <row r="1322" spans="1:9" x14ac:dyDescent="0.2">
      <c r="A1322" s="85" t="str">
        <f>IF(B1321="","","内容")</f>
        <v>内容</v>
      </c>
      <c r="B1322" s="87" t="s">
        <v>109</v>
      </c>
      <c r="C1322" s="88"/>
      <c r="D1322" s="91"/>
      <c r="E1322" s="91"/>
      <c r="F1322" s="91"/>
      <c r="G1322" s="91"/>
      <c r="H1322" s="91"/>
      <c r="I1322" s="93"/>
    </row>
    <row r="1323" spans="1:9" x14ac:dyDescent="0.2">
      <c r="A1323" s="86"/>
      <c r="B1323" s="89"/>
      <c r="C1323" s="90"/>
      <c r="D1323" s="92"/>
      <c r="E1323" s="92"/>
      <c r="F1323" s="92"/>
      <c r="G1323" s="92"/>
      <c r="H1323" s="92"/>
      <c r="I1323" s="94"/>
    </row>
    <row r="1324" spans="1:9" x14ac:dyDescent="0.2">
      <c r="A1324" s="38" t="str">
        <f>IF(B1321="","","（備考）")</f>
        <v>（備考）</v>
      </c>
      <c r="B1324" s="108" t="s">
        <v>290</v>
      </c>
      <c r="C1324" s="109"/>
      <c r="D1324" s="97"/>
      <c r="E1324" s="97"/>
      <c r="F1324" s="97"/>
      <c r="G1324" s="97"/>
      <c r="H1324" s="97"/>
      <c r="I1324" s="98"/>
    </row>
    <row r="1325" spans="1:9" x14ac:dyDescent="0.2">
      <c r="A1325" s="37" t="str">
        <f>IF(B1321="","","連絡先")</f>
        <v>連絡先</v>
      </c>
      <c r="B1325" s="43" t="s">
        <v>291</v>
      </c>
      <c r="C1325" s="40"/>
      <c r="D1325" s="40" t="s">
        <v>106</v>
      </c>
      <c r="E1325" s="40"/>
      <c r="F1325" s="40"/>
      <c r="G1325" s="40"/>
      <c r="H1325" s="40"/>
      <c r="I1325" s="41"/>
    </row>
    <row r="1326" spans="1:9" x14ac:dyDescent="0.2">
      <c r="A1326" s="99" t="str">
        <f>IF(B1321="","","URL")</f>
        <v>URL</v>
      </c>
      <c r="B1326" s="101" t="s">
        <v>292</v>
      </c>
      <c r="C1326" s="101"/>
      <c r="D1326" s="101"/>
      <c r="E1326" s="101"/>
      <c r="F1326" s="101"/>
      <c r="G1326" s="101"/>
      <c r="H1326" s="101"/>
      <c r="I1326" s="101"/>
    </row>
    <row r="1327" spans="1:9" x14ac:dyDescent="0.2">
      <c r="A1327" s="100"/>
      <c r="B1327" s="102"/>
      <c r="C1327" s="103"/>
      <c r="D1327" s="103"/>
      <c r="E1327" s="103"/>
      <c r="F1327" s="103"/>
      <c r="G1327" s="103"/>
      <c r="H1327" s="103"/>
      <c r="I1327" s="104"/>
    </row>
    <row r="1330" spans="1:9" x14ac:dyDescent="0.2">
      <c r="A1330" s="37" t="str">
        <f>IF(B1330="","","名称")</f>
        <v/>
      </c>
      <c r="B1330" s="84"/>
      <c r="C1330" s="84"/>
      <c r="D1330" s="84"/>
      <c r="E1330" s="84"/>
      <c r="F1330" s="84"/>
      <c r="G1330" s="84"/>
      <c r="H1330" s="84"/>
      <c r="I1330" s="84"/>
    </row>
    <row r="1331" spans="1:9" x14ac:dyDescent="0.2">
      <c r="A1331" s="85" t="str">
        <f>IF(B1330="","","内容")</f>
        <v/>
      </c>
      <c r="B1331" s="87"/>
      <c r="C1331" s="88"/>
      <c r="D1331" s="91"/>
      <c r="E1331" s="91"/>
      <c r="F1331" s="91"/>
      <c r="G1331" s="91"/>
      <c r="H1331" s="91"/>
      <c r="I1331" s="93"/>
    </row>
    <row r="1332" spans="1:9" x14ac:dyDescent="0.2">
      <c r="A1332" s="86"/>
      <c r="B1332" s="89"/>
      <c r="C1332" s="90"/>
      <c r="D1332" s="92"/>
      <c r="E1332" s="92"/>
      <c r="F1332" s="92"/>
      <c r="G1332" s="92"/>
      <c r="H1332" s="92"/>
      <c r="I1332" s="94"/>
    </row>
    <row r="1333" spans="1:9" x14ac:dyDescent="0.2">
      <c r="A1333" s="38" t="str">
        <f>IF(B1330="","","（備考）")</f>
        <v/>
      </c>
      <c r="B1333" s="116"/>
      <c r="C1333" s="97"/>
      <c r="D1333" s="97"/>
      <c r="E1333" s="97"/>
      <c r="F1333" s="97"/>
      <c r="G1333" s="97"/>
      <c r="H1333" s="97"/>
      <c r="I1333" s="98"/>
    </row>
    <row r="1334" spans="1:9" x14ac:dyDescent="0.2">
      <c r="A1334" s="37" t="str">
        <f>IF(B1330="","","連絡先")</f>
        <v/>
      </c>
      <c r="B1334" s="42"/>
      <c r="C1334" s="40"/>
      <c r="D1334" s="40"/>
      <c r="E1334" s="40"/>
      <c r="F1334" s="40"/>
      <c r="G1334" s="40"/>
      <c r="H1334" s="40"/>
      <c r="I1334" s="41"/>
    </row>
    <row r="1335" spans="1:9" x14ac:dyDescent="0.2">
      <c r="A1335" s="99" t="str">
        <f>IF(B1330="","","URL")</f>
        <v/>
      </c>
      <c r="B1335" s="101"/>
      <c r="C1335" s="101"/>
      <c r="D1335" s="101"/>
      <c r="E1335" s="101"/>
      <c r="F1335" s="101"/>
      <c r="G1335" s="101"/>
      <c r="H1335" s="101"/>
      <c r="I1335" s="101"/>
    </row>
    <row r="1336" spans="1:9" x14ac:dyDescent="0.2">
      <c r="A1336" s="100"/>
      <c r="B1336" s="102"/>
      <c r="C1336" s="103"/>
      <c r="D1336" s="103"/>
      <c r="E1336" s="103"/>
      <c r="F1336" s="103"/>
      <c r="G1336" s="103"/>
      <c r="H1336" s="103"/>
      <c r="I1336" s="104"/>
    </row>
    <row r="1339" spans="1:9" x14ac:dyDescent="0.2">
      <c r="A1339" s="37" t="str">
        <f>IF(B1339="","","名称")</f>
        <v/>
      </c>
      <c r="B1339" s="84"/>
      <c r="C1339" s="84"/>
      <c r="D1339" s="84"/>
      <c r="E1339" s="84"/>
      <c r="F1339" s="84"/>
      <c r="G1339" s="84"/>
      <c r="H1339" s="84"/>
      <c r="I1339" s="84"/>
    </row>
    <row r="1340" spans="1:9" x14ac:dyDescent="0.2">
      <c r="A1340" s="85" t="str">
        <f>IF(B1339="","","内容")</f>
        <v/>
      </c>
      <c r="B1340" s="87"/>
      <c r="C1340" s="88"/>
      <c r="D1340" s="91"/>
      <c r="E1340" s="91"/>
      <c r="F1340" s="91"/>
      <c r="G1340" s="91"/>
      <c r="H1340" s="91"/>
      <c r="I1340" s="93"/>
    </row>
    <row r="1341" spans="1:9" x14ac:dyDescent="0.2">
      <c r="A1341" s="86"/>
      <c r="B1341" s="89"/>
      <c r="C1341" s="90"/>
      <c r="D1341" s="92"/>
      <c r="E1341" s="92"/>
      <c r="F1341" s="92"/>
      <c r="G1341" s="92"/>
      <c r="H1341" s="92"/>
      <c r="I1341" s="94"/>
    </row>
    <row r="1342" spans="1:9" x14ac:dyDescent="0.2">
      <c r="A1342" s="38" t="str">
        <f>IF(B1339="","","（備考）")</f>
        <v/>
      </c>
      <c r="B1342" s="116"/>
      <c r="C1342" s="97"/>
      <c r="D1342" s="97"/>
      <c r="E1342" s="97"/>
      <c r="F1342" s="97"/>
      <c r="G1342" s="97"/>
      <c r="H1342" s="97"/>
      <c r="I1342" s="98"/>
    </row>
    <row r="1343" spans="1:9" x14ac:dyDescent="0.2">
      <c r="A1343" s="37" t="str">
        <f>IF(B1339="","","連絡先")</f>
        <v/>
      </c>
      <c r="B1343" s="42"/>
      <c r="C1343" s="40"/>
      <c r="D1343" s="40"/>
      <c r="E1343" s="40"/>
      <c r="F1343" s="40"/>
      <c r="G1343" s="40"/>
      <c r="H1343" s="40"/>
      <c r="I1343" s="41"/>
    </row>
    <row r="1344" spans="1:9" x14ac:dyDescent="0.2">
      <c r="A1344" s="99" t="str">
        <f>IF(B1339="","","URL")</f>
        <v/>
      </c>
      <c r="B1344" s="101"/>
      <c r="C1344" s="101"/>
      <c r="D1344" s="101"/>
      <c r="E1344" s="101"/>
      <c r="F1344" s="101"/>
      <c r="G1344" s="101"/>
      <c r="H1344" s="101"/>
      <c r="I1344" s="101"/>
    </row>
    <row r="1345" spans="1:9" x14ac:dyDescent="0.2">
      <c r="A1345" s="100"/>
      <c r="B1345" s="102"/>
      <c r="C1345" s="103"/>
      <c r="D1345" s="103"/>
      <c r="E1345" s="103"/>
      <c r="F1345" s="103"/>
      <c r="G1345" s="103"/>
      <c r="H1345" s="103"/>
      <c r="I1345" s="104"/>
    </row>
    <row r="1348" spans="1:9" x14ac:dyDescent="0.2">
      <c r="A1348" s="37" t="str">
        <f>IF(B1348="","","名称")</f>
        <v/>
      </c>
      <c r="B1348" s="84"/>
      <c r="C1348" s="84"/>
      <c r="D1348" s="84"/>
      <c r="E1348" s="84"/>
      <c r="F1348" s="84"/>
      <c r="G1348" s="84"/>
      <c r="H1348" s="84"/>
      <c r="I1348" s="84"/>
    </row>
    <row r="1349" spans="1:9" x14ac:dyDescent="0.2">
      <c r="A1349" s="85" t="str">
        <f>IF(B1348="","","内容")</f>
        <v/>
      </c>
      <c r="B1349" s="87"/>
      <c r="C1349" s="88"/>
      <c r="D1349" s="91"/>
      <c r="E1349" s="91"/>
      <c r="F1349" s="91"/>
      <c r="G1349" s="91"/>
      <c r="H1349" s="91"/>
      <c r="I1349" s="93"/>
    </row>
    <row r="1350" spans="1:9" x14ac:dyDescent="0.2">
      <c r="A1350" s="86"/>
      <c r="B1350" s="89"/>
      <c r="C1350" s="90"/>
      <c r="D1350" s="92"/>
      <c r="E1350" s="92"/>
      <c r="F1350" s="92"/>
      <c r="G1350" s="92"/>
      <c r="H1350" s="92"/>
      <c r="I1350" s="94"/>
    </row>
    <row r="1351" spans="1:9" x14ac:dyDescent="0.2">
      <c r="A1351" s="38" t="str">
        <f>IF(B1348="","","（備考）")</f>
        <v/>
      </c>
      <c r="B1351" s="116"/>
      <c r="C1351" s="97"/>
      <c r="D1351" s="97"/>
      <c r="E1351" s="97"/>
      <c r="F1351" s="97"/>
      <c r="G1351" s="97"/>
      <c r="H1351" s="97"/>
      <c r="I1351" s="98"/>
    </row>
    <row r="1352" spans="1:9" x14ac:dyDescent="0.2">
      <c r="A1352" s="37" t="str">
        <f>IF(B1348="","","連絡先")</f>
        <v/>
      </c>
      <c r="B1352" s="42"/>
      <c r="C1352" s="40"/>
      <c r="D1352" s="40"/>
      <c r="E1352" s="40"/>
      <c r="F1352" s="40"/>
      <c r="G1352" s="40"/>
      <c r="H1352" s="40"/>
      <c r="I1352" s="41"/>
    </row>
    <row r="1353" spans="1:9" x14ac:dyDescent="0.2">
      <c r="A1353" s="99" t="str">
        <f>IF(B1348="","","URL")</f>
        <v/>
      </c>
      <c r="B1353" s="101"/>
      <c r="C1353" s="101"/>
      <c r="D1353" s="101"/>
      <c r="E1353" s="101"/>
      <c r="F1353" s="101"/>
      <c r="G1353" s="101"/>
      <c r="H1353" s="101"/>
      <c r="I1353" s="101"/>
    </row>
    <row r="1354" spans="1:9" x14ac:dyDescent="0.2">
      <c r="A1354" s="100"/>
      <c r="B1354" s="102"/>
      <c r="C1354" s="103"/>
      <c r="D1354" s="103"/>
      <c r="E1354" s="103"/>
      <c r="F1354" s="103"/>
      <c r="G1354" s="103"/>
      <c r="H1354" s="103"/>
      <c r="I1354" s="104"/>
    </row>
    <row r="1358" spans="1:9" ht="13.5" customHeight="1" x14ac:dyDescent="0.2">
      <c r="A1358" s="107" t="s">
        <v>293</v>
      </c>
      <c r="B1358" s="107"/>
      <c r="C1358" s="107"/>
      <c r="D1358" s="107"/>
      <c r="E1358" s="107"/>
      <c r="F1358" s="107"/>
      <c r="G1358" s="107"/>
      <c r="H1358" s="107"/>
      <c r="I1358" s="107"/>
    </row>
    <row r="1359" spans="1:9" ht="13.5" customHeight="1" x14ac:dyDescent="0.2">
      <c r="A1359" s="107"/>
      <c r="B1359" s="107"/>
      <c r="C1359" s="107"/>
      <c r="D1359" s="107"/>
      <c r="E1359" s="107"/>
      <c r="F1359" s="107"/>
      <c r="G1359" s="107"/>
      <c r="H1359" s="107"/>
      <c r="I1359" s="107"/>
    </row>
    <row r="1362" spans="1:9" x14ac:dyDescent="0.2">
      <c r="A1362" s="37" t="str">
        <f>IF(B1362="","","名称")</f>
        <v>名称</v>
      </c>
      <c r="B1362" s="84" t="s">
        <v>294</v>
      </c>
      <c r="C1362" s="84"/>
      <c r="D1362" s="84"/>
      <c r="E1362" s="84"/>
      <c r="F1362" s="84"/>
      <c r="G1362" s="84"/>
      <c r="H1362" s="84"/>
      <c r="I1362" s="84"/>
    </row>
    <row r="1363" spans="1:9" x14ac:dyDescent="0.2">
      <c r="A1363" s="85" t="str">
        <f>IF(B1362="","","内容")</f>
        <v>内容</v>
      </c>
      <c r="B1363" s="87" t="s">
        <v>111</v>
      </c>
      <c r="C1363" s="88"/>
      <c r="D1363" s="91"/>
      <c r="E1363" s="91"/>
      <c r="F1363" s="91"/>
      <c r="G1363" s="91"/>
      <c r="H1363" s="91"/>
      <c r="I1363" s="93"/>
    </row>
    <row r="1364" spans="1:9" x14ac:dyDescent="0.2">
      <c r="A1364" s="86"/>
      <c r="B1364" s="89"/>
      <c r="C1364" s="90"/>
      <c r="D1364" s="92"/>
      <c r="E1364" s="92"/>
      <c r="F1364" s="92"/>
      <c r="G1364" s="92"/>
      <c r="H1364" s="92"/>
      <c r="I1364" s="94"/>
    </row>
    <row r="1365" spans="1:9" x14ac:dyDescent="0.2">
      <c r="A1365" s="38" t="str">
        <f>IF(B1362="","","（備考）")</f>
        <v>（備考）</v>
      </c>
      <c r="B1365" s="95"/>
      <c r="C1365" s="96"/>
      <c r="D1365" s="97"/>
      <c r="E1365" s="97"/>
      <c r="F1365" s="97"/>
      <c r="G1365" s="97"/>
      <c r="H1365" s="97"/>
      <c r="I1365" s="98"/>
    </row>
    <row r="1366" spans="1:9" x14ac:dyDescent="0.2">
      <c r="A1366" s="37" t="str">
        <f>IF(B1362="","","連絡先")</f>
        <v>連絡先</v>
      </c>
      <c r="B1366" s="43" t="s">
        <v>295</v>
      </c>
      <c r="C1366" s="40"/>
      <c r="D1366" s="40" t="s">
        <v>99</v>
      </c>
      <c r="E1366" s="40"/>
      <c r="F1366" s="40"/>
      <c r="G1366" s="40"/>
      <c r="H1366" s="40"/>
      <c r="I1366" s="41"/>
    </row>
    <row r="1367" spans="1:9" x14ac:dyDescent="0.2">
      <c r="A1367" s="99" t="str">
        <f>IF(B1362="","","URL")</f>
        <v>URL</v>
      </c>
      <c r="B1367" s="101"/>
      <c r="C1367" s="101"/>
      <c r="D1367" s="101"/>
      <c r="E1367" s="101"/>
      <c r="F1367" s="101"/>
      <c r="G1367" s="101"/>
      <c r="H1367" s="101"/>
      <c r="I1367" s="101"/>
    </row>
    <row r="1368" spans="1:9" x14ac:dyDescent="0.2">
      <c r="A1368" s="100"/>
      <c r="B1368" s="102"/>
      <c r="C1368" s="103"/>
      <c r="D1368" s="103"/>
      <c r="E1368" s="103"/>
      <c r="F1368" s="103"/>
      <c r="G1368" s="103"/>
      <c r="H1368" s="103"/>
      <c r="I1368" s="104"/>
    </row>
    <row r="1371" spans="1:9" x14ac:dyDescent="0.2">
      <c r="A1371" s="37" t="str">
        <f>IF(B1371="","","名称")</f>
        <v>名称</v>
      </c>
      <c r="B1371" s="84" t="s">
        <v>411</v>
      </c>
      <c r="C1371" s="84"/>
      <c r="D1371" s="84"/>
      <c r="E1371" s="84"/>
      <c r="F1371" s="84"/>
      <c r="G1371" s="84"/>
      <c r="H1371" s="84"/>
      <c r="I1371" s="84"/>
    </row>
    <row r="1372" spans="1:9" x14ac:dyDescent="0.2">
      <c r="A1372" s="85" t="str">
        <f>IF(B1371="","","内容")</f>
        <v>内容</v>
      </c>
      <c r="B1372" s="248" t="s">
        <v>16</v>
      </c>
      <c r="C1372" s="249"/>
      <c r="D1372" s="91"/>
      <c r="E1372" s="91"/>
      <c r="F1372" s="91"/>
      <c r="G1372" s="91"/>
      <c r="H1372" s="91"/>
      <c r="I1372" s="93"/>
    </row>
    <row r="1373" spans="1:9" x14ac:dyDescent="0.2">
      <c r="A1373" s="86"/>
      <c r="B1373" s="250"/>
      <c r="C1373" s="251"/>
      <c r="D1373" s="92"/>
      <c r="E1373" s="92"/>
      <c r="F1373" s="92"/>
      <c r="G1373" s="92"/>
      <c r="H1373" s="92"/>
      <c r="I1373" s="94"/>
    </row>
    <row r="1374" spans="1:9" x14ac:dyDescent="0.2">
      <c r="A1374" s="38" t="str">
        <f>IF(B1371="","","（備考）")</f>
        <v>（備考）</v>
      </c>
      <c r="B1374" s="153" t="s">
        <v>468</v>
      </c>
      <c r="C1374" s="154"/>
      <c r="D1374" s="97"/>
      <c r="E1374" s="97"/>
      <c r="F1374" s="97"/>
      <c r="G1374" s="97"/>
      <c r="H1374" s="97"/>
      <c r="I1374" s="98"/>
    </row>
    <row r="1375" spans="1:9" x14ac:dyDescent="0.2">
      <c r="A1375" s="37" t="str">
        <f>IF(B1371="","","連絡先")</f>
        <v>連絡先</v>
      </c>
      <c r="B1375" s="43" t="s">
        <v>469</v>
      </c>
      <c r="C1375" s="40"/>
      <c r="D1375" s="40"/>
      <c r="E1375" s="40"/>
      <c r="F1375" s="40"/>
      <c r="G1375" s="40"/>
      <c r="H1375" s="40"/>
      <c r="I1375" s="41"/>
    </row>
    <row r="1376" spans="1:9" x14ac:dyDescent="0.2">
      <c r="A1376" s="99" t="str">
        <f>IF(B1371="","","URL")</f>
        <v>URL</v>
      </c>
      <c r="B1376" s="101"/>
      <c r="C1376" s="101"/>
      <c r="D1376" s="101"/>
      <c r="E1376" s="101"/>
      <c r="F1376" s="101"/>
      <c r="G1376" s="101"/>
      <c r="H1376" s="101"/>
      <c r="I1376" s="101"/>
    </row>
    <row r="1377" spans="1:9" x14ac:dyDescent="0.2">
      <c r="A1377" s="100"/>
      <c r="B1377" s="102"/>
      <c r="C1377" s="103"/>
      <c r="D1377" s="103"/>
      <c r="E1377" s="103"/>
      <c r="F1377" s="103"/>
      <c r="G1377" s="103"/>
      <c r="H1377" s="103"/>
      <c r="I1377" s="104"/>
    </row>
    <row r="1380" spans="1:9" x14ac:dyDescent="0.2">
      <c r="A1380" s="37" t="str">
        <f>IF(B1380="","","名称")</f>
        <v/>
      </c>
      <c r="B1380" s="84"/>
      <c r="C1380" s="84"/>
      <c r="D1380" s="84"/>
      <c r="E1380" s="84"/>
      <c r="F1380" s="84"/>
      <c r="G1380" s="84"/>
      <c r="H1380" s="84"/>
      <c r="I1380" s="84"/>
    </row>
    <row r="1381" spans="1:9" x14ac:dyDescent="0.2">
      <c r="A1381" s="85" t="str">
        <f>IF(B1380="","","内容")</f>
        <v/>
      </c>
      <c r="B1381" s="87"/>
      <c r="C1381" s="88"/>
      <c r="D1381" s="91"/>
      <c r="E1381" s="91"/>
      <c r="F1381" s="91"/>
      <c r="G1381" s="91"/>
      <c r="H1381" s="91"/>
      <c r="I1381" s="93"/>
    </row>
    <row r="1382" spans="1:9" x14ac:dyDescent="0.2">
      <c r="A1382" s="86"/>
      <c r="B1382" s="89"/>
      <c r="C1382" s="90"/>
      <c r="D1382" s="92"/>
      <c r="E1382" s="92"/>
      <c r="F1382" s="92"/>
      <c r="G1382" s="92"/>
      <c r="H1382" s="92"/>
      <c r="I1382" s="94"/>
    </row>
    <row r="1383" spans="1:9" x14ac:dyDescent="0.2">
      <c r="A1383" s="38" t="str">
        <f>IF(B1380="","","（備考）")</f>
        <v/>
      </c>
      <c r="B1383" s="116"/>
      <c r="C1383" s="97"/>
      <c r="D1383" s="97"/>
      <c r="E1383" s="97"/>
      <c r="F1383" s="97"/>
      <c r="G1383" s="97"/>
      <c r="H1383" s="97"/>
      <c r="I1383" s="98"/>
    </row>
    <row r="1384" spans="1:9" x14ac:dyDescent="0.2">
      <c r="A1384" s="37" t="str">
        <f>IF(B1380="","","連絡先")</f>
        <v/>
      </c>
      <c r="B1384" s="42"/>
      <c r="C1384" s="40"/>
      <c r="D1384" s="40"/>
      <c r="E1384" s="40"/>
      <c r="F1384" s="40"/>
      <c r="G1384" s="40"/>
      <c r="H1384" s="40"/>
      <c r="I1384" s="41"/>
    </row>
    <row r="1385" spans="1:9" x14ac:dyDescent="0.2">
      <c r="A1385" s="99" t="str">
        <f>IF(B1380="","","URL")</f>
        <v/>
      </c>
      <c r="B1385" s="101"/>
      <c r="C1385" s="101"/>
      <c r="D1385" s="101"/>
      <c r="E1385" s="101"/>
      <c r="F1385" s="101"/>
      <c r="G1385" s="101"/>
      <c r="H1385" s="101"/>
      <c r="I1385" s="101"/>
    </row>
    <row r="1386" spans="1:9" x14ac:dyDescent="0.2">
      <c r="A1386" s="100"/>
      <c r="B1386" s="102"/>
      <c r="C1386" s="103"/>
      <c r="D1386" s="103"/>
      <c r="E1386" s="103"/>
      <c r="F1386" s="103"/>
      <c r="G1386" s="103"/>
      <c r="H1386" s="103"/>
      <c r="I1386" s="104"/>
    </row>
    <row r="1389" spans="1:9" x14ac:dyDescent="0.2">
      <c r="A1389" s="37" t="str">
        <f>IF(B1389="","","名称")</f>
        <v/>
      </c>
      <c r="B1389" s="84"/>
      <c r="C1389" s="84"/>
      <c r="D1389" s="84"/>
      <c r="E1389" s="84"/>
      <c r="F1389" s="84"/>
      <c r="G1389" s="84"/>
      <c r="H1389" s="84"/>
      <c r="I1389" s="84"/>
    </row>
    <row r="1390" spans="1:9" x14ac:dyDescent="0.2">
      <c r="A1390" s="85" t="str">
        <f>IF(B1389="","","内容")</f>
        <v/>
      </c>
      <c r="B1390" s="87"/>
      <c r="C1390" s="88"/>
      <c r="D1390" s="91"/>
      <c r="E1390" s="91"/>
      <c r="F1390" s="91"/>
      <c r="G1390" s="91"/>
      <c r="H1390" s="91"/>
      <c r="I1390" s="93"/>
    </row>
    <row r="1391" spans="1:9" x14ac:dyDescent="0.2">
      <c r="A1391" s="86"/>
      <c r="B1391" s="89"/>
      <c r="C1391" s="90"/>
      <c r="D1391" s="92"/>
      <c r="E1391" s="92"/>
      <c r="F1391" s="92"/>
      <c r="G1391" s="92"/>
      <c r="H1391" s="92"/>
      <c r="I1391" s="94"/>
    </row>
    <row r="1392" spans="1:9" x14ac:dyDescent="0.2">
      <c r="A1392" s="38" t="str">
        <f>IF(B1389="","","（備考）")</f>
        <v/>
      </c>
      <c r="B1392" s="116"/>
      <c r="C1392" s="97"/>
      <c r="D1392" s="97"/>
      <c r="E1392" s="97"/>
      <c r="F1392" s="97"/>
      <c r="G1392" s="97"/>
      <c r="H1392" s="97"/>
      <c r="I1392" s="98"/>
    </row>
    <row r="1393" spans="1:9" x14ac:dyDescent="0.2">
      <c r="A1393" s="37" t="str">
        <f>IF(B1389="","","連絡先")</f>
        <v/>
      </c>
      <c r="B1393" s="42"/>
      <c r="C1393" s="40"/>
      <c r="D1393" s="40"/>
      <c r="E1393" s="40"/>
      <c r="F1393" s="40"/>
      <c r="G1393" s="40"/>
      <c r="H1393" s="40"/>
      <c r="I1393" s="41"/>
    </row>
    <row r="1394" spans="1:9" x14ac:dyDescent="0.2">
      <c r="A1394" s="99" t="str">
        <f>IF(B1389="","","URL")</f>
        <v/>
      </c>
      <c r="B1394" s="101"/>
      <c r="C1394" s="101"/>
      <c r="D1394" s="101"/>
      <c r="E1394" s="101"/>
      <c r="F1394" s="101"/>
      <c r="G1394" s="101"/>
      <c r="H1394" s="101"/>
      <c r="I1394" s="101"/>
    </row>
    <row r="1395" spans="1:9" x14ac:dyDescent="0.2">
      <c r="A1395" s="100"/>
      <c r="B1395" s="102"/>
      <c r="C1395" s="103"/>
      <c r="D1395" s="103"/>
      <c r="E1395" s="103"/>
      <c r="F1395" s="103"/>
      <c r="G1395" s="103"/>
      <c r="H1395" s="103"/>
      <c r="I1395" s="104"/>
    </row>
    <row r="1398" spans="1:9" x14ac:dyDescent="0.2">
      <c r="A1398" s="37" t="str">
        <f>IF(B1398="","","名称")</f>
        <v/>
      </c>
      <c r="B1398" s="84"/>
      <c r="C1398" s="84"/>
      <c r="D1398" s="84"/>
      <c r="E1398" s="84"/>
      <c r="F1398" s="84"/>
      <c r="G1398" s="84"/>
      <c r="H1398" s="84"/>
      <c r="I1398" s="84"/>
    </row>
    <row r="1399" spans="1:9" x14ac:dyDescent="0.2">
      <c r="A1399" s="85" t="str">
        <f>IF(B1398="","","内容")</f>
        <v/>
      </c>
      <c r="B1399" s="87"/>
      <c r="C1399" s="88"/>
      <c r="D1399" s="91"/>
      <c r="E1399" s="91"/>
      <c r="F1399" s="91"/>
      <c r="G1399" s="91"/>
      <c r="H1399" s="91"/>
      <c r="I1399" s="93"/>
    </row>
    <row r="1400" spans="1:9" x14ac:dyDescent="0.2">
      <c r="A1400" s="86"/>
      <c r="B1400" s="89"/>
      <c r="C1400" s="90"/>
      <c r="D1400" s="92"/>
      <c r="E1400" s="92"/>
      <c r="F1400" s="92"/>
      <c r="G1400" s="92"/>
      <c r="H1400" s="92"/>
      <c r="I1400" s="94"/>
    </row>
    <row r="1401" spans="1:9" x14ac:dyDescent="0.2">
      <c r="A1401" s="38" t="str">
        <f>IF(B1398="","","（備考）")</f>
        <v/>
      </c>
      <c r="B1401" s="116"/>
      <c r="C1401" s="97"/>
      <c r="D1401" s="97"/>
      <c r="E1401" s="97"/>
      <c r="F1401" s="97"/>
      <c r="G1401" s="97"/>
      <c r="H1401" s="97"/>
      <c r="I1401" s="98"/>
    </row>
    <row r="1402" spans="1:9" x14ac:dyDescent="0.2">
      <c r="A1402" s="37" t="str">
        <f>IF(B1398="","","連絡先")</f>
        <v/>
      </c>
      <c r="B1402" s="42"/>
      <c r="C1402" s="40"/>
      <c r="D1402" s="40"/>
      <c r="E1402" s="40"/>
      <c r="F1402" s="40"/>
      <c r="G1402" s="40"/>
      <c r="H1402" s="40"/>
      <c r="I1402" s="41"/>
    </row>
    <row r="1403" spans="1:9" x14ac:dyDescent="0.2">
      <c r="A1403" s="99" t="str">
        <f>IF(B1398="","","URL")</f>
        <v/>
      </c>
      <c r="B1403" s="101"/>
      <c r="C1403" s="101"/>
      <c r="D1403" s="101"/>
      <c r="E1403" s="101"/>
      <c r="F1403" s="101"/>
      <c r="G1403" s="101"/>
      <c r="H1403" s="101"/>
      <c r="I1403" s="101"/>
    </row>
    <row r="1404" spans="1:9" x14ac:dyDescent="0.2">
      <c r="A1404" s="100"/>
      <c r="B1404" s="102"/>
      <c r="C1404" s="103"/>
      <c r="D1404" s="103"/>
      <c r="E1404" s="103"/>
      <c r="F1404" s="103"/>
      <c r="G1404" s="103"/>
      <c r="H1404" s="103"/>
      <c r="I1404" s="104"/>
    </row>
    <row r="1407" spans="1:9" x14ac:dyDescent="0.2">
      <c r="A1407" s="37" t="str">
        <f>IF(B1407="","","名称")</f>
        <v/>
      </c>
      <c r="B1407" s="84"/>
      <c r="C1407" s="84"/>
      <c r="D1407" s="84"/>
      <c r="E1407" s="84"/>
      <c r="F1407" s="84"/>
      <c r="G1407" s="84"/>
      <c r="H1407" s="84"/>
      <c r="I1407" s="84"/>
    </row>
    <row r="1408" spans="1:9" x14ac:dyDescent="0.2">
      <c r="A1408" s="85" t="str">
        <f>IF(B1407="","","内容")</f>
        <v/>
      </c>
      <c r="B1408" s="87"/>
      <c r="C1408" s="88"/>
      <c r="D1408" s="91"/>
      <c r="E1408" s="91"/>
      <c r="F1408" s="91"/>
      <c r="G1408" s="91"/>
      <c r="H1408" s="91"/>
      <c r="I1408" s="93"/>
    </row>
    <row r="1409" spans="1:9" x14ac:dyDescent="0.2">
      <c r="A1409" s="86"/>
      <c r="B1409" s="89"/>
      <c r="C1409" s="90"/>
      <c r="D1409" s="92"/>
      <c r="E1409" s="92"/>
      <c r="F1409" s="92"/>
      <c r="G1409" s="92"/>
      <c r="H1409" s="92"/>
      <c r="I1409" s="94"/>
    </row>
    <row r="1410" spans="1:9" x14ac:dyDescent="0.2">
      <c r="A1410" s="38" t="str">
        <f>IF(B1407="","","（備考）")</f>
        <v/>
      </c>
      <c r="B1410" s="116"/>
      <c r="C1410" s="97"/>
      <c r="D1410" s="97"/>
      <c r="E1410" s="97"/>
      <c r="F1410" s="97"/>
      <c r="G1410" s="97"/>
      <c r="H1410" s="97"/>
      <c r="I1410" s="98"/>
    </row>
    <row r="1411" spans="1:9" x14ac:dyDescent="0.2">
      <c r="A1411" s="37" t="str">
        <f>IF(B1407="","","連絡先")</f>
        <v/>
      </c>
      <c r="B1411" s="42"/>
      <c r="C1411" s="40"/>
      <c r="D1411" s="40"/>
      <c r="E1411" s="40"/>
      <c r="F1411" s="40"/>
      <c r="G1411" s="40"/>
      <c r="H1411" s="40"/>
      <c r="I1411" s="41"/>
    </row>
    <row r="1412" spans="1:9" x14ac:dyDescent="0.2">
      <c r="A1412" s="99" t="str">
        <f>IF(B1407="","","URL")</f>
        <v/>
      </c>
      <c r="B1412" s="101"/>
      <c r="C1412" s="101"/>
      <c r="D1412" s="101"/>
      <c r="E1412" s="101"/>
      <c r="F1412" s="101"/>
      <c r="G1412" s="101"/>
      <c r="H1412" s="101"/>
      <c r="I1412" s="101"/>
    </row>
    <row r="1413" spans="1:9" x14ac:dyDescent="0.2">
      <c r="A1413" s="100"/>
      <c r="B1413" s="102"/>
      <c r="C1413" s="103"/>
      <c r="D1413" s="103"/>
      <c r="E1413" s="103"/>
      <c r="F1413" s="103"/>
      <c r="G1413" s="103"/>
      <c r="H1413" s="103"/>
      <c r="I1413" s="104"/>
    </row>
    <row r="1417" spans="1:9" ht="13.5" customHeight="1" x14ac:dyDescent="0.2">
      <c r="A1417" s="107" t="s">
        <v>296</v>
      </c>
      <c r="B1417" s="107"/>
      <c r="C1417" s="107"/>
      <c r="D1417" s="107"/>
      <c r="E1417" s="107"/>
      <c r="F1417" s="107"/>
      <c r="G1417" s="107"/>
      <c r="H1417" s="107"/>
      <c r="I1417" s="107"/>
    </row>
    <row r="1418" spans="1:9" ht="13.5" customHeight="1" x14ac:dyDescent="0.2">
      <c r="A1418" s="107"/>
      <c r="B1418" s="107"/>
      <c r="C1418" s="107"/>
      <c r="D1418" s="107"/>
      <c r="E1418" s="107"/>
      <c r="F1418" s="107"/>
      <c r="G1418" s="107"/>
      <c r="H1418" s="107"/>
      <c r="I1418" s="107"/>
    </row>
    <row r="1421" spans="1:9" x14ac:dyDescent="0.2">
      <c r="A1421" s="37" t="str">
        <f>IF(B1421="","","名称")</f>
        <v>名称</v>
      </c>
      <c r="B1421" s="84" t="s">
        <v>430</v>
      </c>
      <c r="C1421" s="84"/>
      <c r="D1421" s="84"/>
      <c r="E1421" s="84"/>
      <c r="F1421" s="84"/>
      <c r="G1421" s="84"/>
      <c r="H1421" s="84"/>
      <c r="I1421" s="84"/>
    </row>
    <row r="1422" spans="1:9" x14ac:dyDescent="0.2">
      <c r="A1422" s="85" t="str">
        <f>IF(B1421="","","内容")</f>
        <v>内容</v>
      </c>
      <c r="B1422" s="87" t="s">
        <v>120</v>
      </c>
      <c r="C1422" s="88"/>
      <c r="D1422" s="91"/>
      <c r="E1422" s="91"/>
      <c r="F1422" s="91"/>
      <c r="G1422" s="91"/>
      <c r="H1422" s="91"/>
      <c r="I1422" s="93"/>
    </row>
    <row r="1423" spans="1:9" x14ac:dyDescent="0.2">
      <c r="A1423" s="86"/>
      <c r="B1423" s="89"/>
      <c r="C1423" s="90"/>
      <c r="D1423" s="92"/>
      <c r="E1423" s="92"/>
      <c r="F1423" s="92"/>
      <c r="G1423" s="92"/>
      <c r="H1423" s="92"/>
      <c r="I1423" s="94"/>
    </row>
    <row r="1424" spans="1:9" x14ac:dyDescent="0.2">
      <c r="A1424" s="38" t="str">
        <f>IF(B1421="","","（備考）")</f>
        <v>（備考）</v>
      </c>
      <c r="B1424" s="174" t="s">
        <v>413</v>
      </c>
      <c r="C1424" s="175"/>
      <c r="D1424" s="97"/>
      <c r="E1424" s="97"/>
      <c r="F1424" s="97"/>
      <c r="G1424" s="97"/>
      <c r="H1424" s="97"/>
      <c r="I1424" s="98"/>
    </row>
    <row r="1425" spans="1:9" x14ac:dyDescent="0.2">
      <c r="A1425" s="37" t="str">
        <f>IF(B1421="","","連絡先")</f>
        <v>連絡先</v>
      </c>
      <c r="B1425" s="43" t="s">
        <v>431</v>
      </c>
      <c r="C1425" s="40"/>
      <c r="D1425" s="40"/>
      <c r="E1425" s="40"/>
      <c r="F1425" s="40"/>
      <c r="G1425" s="40"/>
      <c r="H1425" s="40"/>
      <c r="I1425" s="41"/>
    </row>
    <row r="1426" spans="1:9" x14ac:dyDescent="0.2">
      <c r="A1426" s="99" t="str">
        <f>IF(B1421="","","URL")</f>
        <v>URL</v>
      </c>
      <c r="B1426" s="149" t="s">
        <v>432</v>
      </c>
      <c r="C1426" s="149"/>
      <c r="D1426" s="149"/>
      <c r="E1426" s="149"/>
      <c r="F1426" s="149"/>
      <c r="G1426" s="149"/>
      <c r="H1426" s="149"/>
      <c r="I1426" s="149"/>
    </row>
    <row r="1427" spans="1:9" x14ac:dyDescent="0.2">
      <c r="A1427" s="100"/>
      <c r="B1427" s="161"/>
      <c r="C1427" s="162"/>
      <c r="D1427" s="162"/>
      <c r="E1427" s="162"/>
      <c r="F1427" s="162"/>
      <c r="G1427" s="162"/>
      <c r="H1427" s="162"/>
      <c r="I1427" s="163"/>
    </row>
    <row r="1430" spans="1:9" x14ac:dyDescent="0.2">
      <c r="A1430" s="37" t="str">
        <f>IF(B1430="","","名称")</f>
        <v>名称</v>
      </c>
      <c r="B1430" s="84" t="s">
        <v>429</v>
      </c>
      <c r="C1430" s="84"/>
      <c r="D1430" s="84"/>
      <c r="E1430" s="84"/>
      <c r="F1430" s="84"/>
      <c r="G1430" s="84"/>
      <c r="H1430" s="84"/>
      <c r="I1430" s="84"/>
    </row>
    <row r="1431" spans="1:9" x14ac:dyDescent="0.2">
      <c r="A1431" s="85" t="str">
        <f>IF(B1430="","","内容")</f>
        <v>内容</v>
      </c>
      <c r="B1431" s="87" t="s">
        <v>109</v>
      </c>
      <c r="C1431" s="88"/>
      <c r="D1431" s="91"/>
      <c r="E1431" s="91"/>
      <c r="F1431" s="91"/>
      <c r="G1431" s="91"/>
      <c r="H1431" s="91"/>
      <c r="I1431" s="93"/>
    </row>
    <row r="1432" spans="1:9" x14ac:dyDescent="0.2">
      <c r="A1432" s="86"/>
      <c r="B1432" s="89"/>
      <c r="C1432" s="90"/>
      <c r="D1432" s="92"/>
      <c r="E1432" s="92"/>
      <c r="F1432" s="92"/>
      <c r="G1432" s="92"/>
      <c r="H1432" s="92"/>
      <c r="I1432" s="94"/>
    </row>
    <row r="1433" spans="1:9" x14ac:dyDescent="0.2">
      <c r="A1433" s="38" t="str">
        <f>IF(B1430="","","（備考）")</f>
        <v>（備考）</v>
      </c>
      <c r="B1433" s="108"/>
      <c r="C1433" s="109"/>
      <c r="D1433" s="97"/>
      <c r="E1433" s="97"/>
      <c r="F1433" s="97"/>
      <c r="G1433" s="97"/>
      <c r="H1433" s="97"/>
      <c r="I1433" s="98"/>
    </row>
    <row r="1434" spans="1:9" x14ac:dyDescent="0.2">
      <c r="A1434" s="37" t="str">
        <f>IF(B1430="","","連絡先")</f>
        <v>連絡先</v>
      </c>
      <c r="B1434" s="43" t="s">
        <v>297</v>
      </c>
      <c r="C1434" s="40"/>
      <c r="D1434" s="40" t="s">
        <v>99</v>
      </c>
      <c r="E1434" s="40"/>
      <c r="F1434" s="40"/>
      <c r="G1434" s="40"/>
      <c r="H1434" s="40"/>
      <c r="I1434" s="41"/>
    </row>
    <row r="1435" spans="1:9" x14ac:dyDescent="0.2">
      <c r="A1435" s="99" t="str">
        <f>IF(B1430="","","URL")</f>
        <v>URL</v>
      </c>
      <c r="B1435" s="149" t="s">
        <v>428</v>
      </c>
      <c r="C1435" s="149"/>
      <c r="D1435" s="149"/>
      <c r="E1435" s="149"/>
      <c r="F1435" s="149"/>
      <c r="G1435" s="149"/>
      <c r="H1435" s="149"/>
      <c r="I1435" s="149"/>
    </row>
    <row r="1436" spans="1:9" x14ac:dyDescent="0.2">
      <c r="A1436" s="100"/>
      <c r="B1436" s="161"/>
      <c r="C1436" s="162"/>
      <c r="D1436" s="162"/>
      <c r="E1436" s="162"/>
      <c r="F1436" s="162"/>
      <c r="G1436" s="162"/>
      <c r="H1436" s="162"/>
      <c r="I1436" s="163"/>
    </row>
    <row r="1439" spans="1:9" x14ac:dyDescent="0.2">
      <c r="A1439" s="37" t="str">
        <f>IF(B1439="","","名称")</f>
        <v/>
      </c>
      <c r="B1439" s="84"/>
      <c r="C1439" s="84"/>
      <c r="D1439" s="84"/>
      <c r="E1439" s="84"/>
      <c r="F1439" s="84"/>
      <c r="G1439" s="84"/>
      <c r="H1439" s="84"/>
      <c r="I1439" s="84"/>
    </row>
    <row r="1440" spans="1:9" x14ac:dyDescent="0.2">
      <c r="A1440" s="85" t="str">
        <f>IF(B1439="","","内容")</f>
        <v/>
      </c>
      <c r="B1440" s="87"/>
      <c r="C1440" s="88"/>
      <c r="D1440" s="91"/>
      <c r="E1440" s="91"/>
      <c r="F1440" s="91"/>
      <c r="G1440" s="91"/>
      <c r="H1440" s="91"/>
      <c r="I1440" s="93"/>
    </row>
    <row r="1441" spans="1:9" x14ac:dyDescent="0.2">
      <c r="A1441" s="86"/>
      <c r="B1441" s="89"/>
      <c r="C1441" s="90"/>
      <c r="D1441" s="92"/>
      <c r="E1441" s="92"/>
      <c r="F1441" s="92"/>
      <c r="G1441" s="92"/>
      <c r="H1441" s="92"/>
      <c r="I1441" s="94"/>
    </row>
    <row r="1442" spans="1:9" x14ac:dyDescent="0.2">
      <c r="A1442" s="38" t="str">
        <f>IF(B1439="","","（備考）")</f>
        <v/>
      </c>
      <c r="B1442" s="116"/>
      <c r="C1442" s="97"/>
      <c r="D1442" s="97"/>
      <c r="E1442" s="97"/>
      <c r="F1442" s="97"/>
      <c r="G1442" s="97"/>
      <c r="H1442" s="97"/>
      <c r="I1442" s="98"/>
    </row>
    <row r="1443" spans="1:9" x14ac:dyDescent="0.2">
      <c r="A1443" s="37" t="str">
        <f>IF(B1439="","","連絡先")</f>
        <v/>
      </c>
      <c r="B1443" s="42"/>
      <c r="C1443" s="40"/>
      <c r="D1443" s="40"/>
      <c r="E1443" s="40"/>
      <c r="F1443" s="40"/>
      <c r="G1443" s="40"/>
      <c r="H1443" s="40"/>
      <c r="I1443" s="41"/>
    </row>
    <row r="1444" spans="1:9" x14ac:dyDescent="0.2">
      <c r="A1444" s="99" t="str">
        <f>IF(B1439="","","URL")</f>
        <v/>
      </c>
      <c r="B1444" s="101"/>
      <c r="C1444" s="101"/>
      <c r="D1444" s="101"/>
      <c r="E1444" s="101"/>
      <c r="F1444" s="101"/>
      <c r="G1444" s="101"/>
      <c r="H1444" s="101"/>
      <c r="I1444" s="101"/>
    </row>
    <row r="1445" spans="1:9" x14ac:dyDescent="0.2">
      <c r="A1445" s="100"/>
      <c r="B1445" s="102"/>
      <c r="C1445" s="103"/>
      <c r="D1445" s="103"/>
      <c r="E1445" s="103"/>
      <c r="F1445" s="103"/>
      <c r="G1445" s="103"/>
      <c r="H1445" s="103"/>
      <c r="I1445" s="104"/>
    </row>
    <row r="1448" spans="1:9" x14ac:dyDescent="0.2">
      <c r="A1448" s="37" t="str">
        <f>IF(B1448="","","名称")</f>
        <v/>
      </c>
      <c r="B1448" s="84"/>
      <c r="C1448" s="84"/>
      <c r="D1448" s="84"/>
      <c r="E1448" s="84"/>
      <c r="F1448" s="84"/>
      <c r="G1448" s="84"/>
      <c r="H1448" s="84"/>
      <c r="I1448" s="84"/>
    </row>
    <row r="1449" spans="1:9" x14ac:dyDescent="0.2">
      <c r="A1449" s="85" t="str">
        <f>IF(B1448="","","内容")</f>
        <v/>
      </c>
      <c r="B1449" s="87"/>
      <c r="C1449" s="88"/>
      <c r="D1449" s="91"/>
      <c r="E1449" s="91"/>
      <c r="F1449" s="91"/>
      <c r="G1449" s="91"/>
      <c r="H1449" s="91"/>
      <c r="I1449" s="93"/>
    </row>
    <row r="1450" spans="1:9" x14ac:dyDescent="0.2">
      <c r="A1450" s="86"/>
      <c r="B1450" s="89"/>
      <c r="C1450" s="90"/>
      <c r="D1450" s="92"/>
      <c r="E1450" s="92"/>
      <c r="F1450" s="92"/>
      <c r="G1450" s="92"/>
      <c r="H1450" s="92"/>
      <c r="I1450" s="94"/>
    </row>
    <row r="1451" spans="1:9" x14ac:dyDescent="0.2">
      <c r="A1451" s="38" t="str">
        <f>IF(B1448="","","（備考）")</f>
        <v/>
      </c>
      <c r="B1451" s="116"/>
      <c r="C1451" s="97"/>
      <c r="D1451" s="97"/>
      <c r="E1451" s="97"/>
      <c r="F1451" s="97"/>
      <c r="G1451" s="97"/>
      <c r="H1451" s="97"/>
      <c r="I1451" s="98"/>
    </row>
    <row r="1452" spans="1:9" x14ac:dyDescent="0.2">
      <c r="A1452" s="37" t="str">
        <f>IF(B1448="","","連絡先")</f>
        <v/>
      </c>
      <c r="B1452" s="42"/>
      <c r="C1452" s="40"/>
      <c r="D1452" s="40"/>
      <c r="E1452" s="40"/>
      <c r="F1452" s="40"/>
      <c r="G1452" s="40"/>
      <c r="H1452" s="40"/>
      <c r="I1452" s="41"/>
    </row>
    <row r="1453" spans="1:9" x14ac:dyDescent="0.2">
      <c r="A1453" s="99" t="str">
        <f>IF(B1448="","","URL")</f>
        <v/>
      </c>
      <c r="B1453" s="101"/>
      <c r="C1453" s="101"/>
      <c r="D1453" s="101"/>
      <c r="E1453" s="101"/>
      <c r="F1453" s="101"/>
      <c r="G1453" s="101"/>
      <c r="H1453" s="101"/>
      <c r="I1453" s="101"/>
    </row>
    <row r="1454" spans="1:9" x14ac:dyDescent="0.2">
      <c r="A1454" s="100"/>
      <c r="B1454" s="102"/>
      <c r="C1454" s="103"/>
      <c r="D1454" s="103"/>
      <c r="E1454" s="103"/>
      <c r="F1454" s="103"/>
      <c r="G1454" s="103"/>
      <c r="H1454" s="103"/>
      <c r="I1454" s="104"/>
    </row>
    <row r="1457" spans="1:9" x14ac:dyDescent="0.2">
      <c r="A1457" s="37" t="str">
        <f>IF(B1457="","","名称")</f>
        <v/>
      </c>
      <c r="B1457" s="84"/>
      <c r="C1457" s="84"/>
      <c r="D1457" s="84"/>
      <c r="E1457" s="84"/>
      <c r="F1457" s="84"/>
      <c r="G1457" s="84"/>
      <c r="H1457" s="84"/>
      <c r="I1457" s="84"/>
    </row>
    <row r="1458" spans="1:9" x14ac:dyDescent="0.2">
      <c r="A1458" s="85" t="str">
        <f>IF(B1457="","","内容")</f>
        <v/>
      </c>
      <c r="B1458" s="87"/>
      <c r="C1458" s="88"/>
      <c r="D1458" s="91"/>
      <c r="E1458" s="91"/>
      <c r="F1458" s="91"/>
      <c r="G1458" s="91"/>
      <c r="H1458" s="91"/>
      <c r="I1458" s="93"/>
    </row>
    <row r="1459" spans="1:9" x14ac:dyDescent="0.2">
      <c r="A1459" s="86"/>
      <c r="B1459" s="89"/>
      <c r="C1459" s="90"/>
      <c r="D1459" s="92"/>
      <c r="E1459" s="92"/>
      <c r="F1459" s="92"/>
      <c r="G1459" s="92"/>
      <c r="H1459" s="92"/>
      <c r="I1459" s="94"/>
    </row>
    <row r="1460" spans="1:9" x14ac:dyDescent="0.2">
      <c r="A1460" s="38" t="str">
        <f>IF(B1457="","","（備考）")</f>
        <v/>
      </c>
      <c r="B1460" s="116"/>
      <c r="C1460" s="97"/>
      <c r="D1460" s="97"/>
      <c r="E1460" s="97"/>
      <c r="F1460" s="97"/>
      <c r="G1460" s="97"/>
      <c r="H1460" s="97"/>
      <c r="I1460" s="98"/>
    </row>
    <row r="1461" spans="1:9" x14ac:dyDescent="0.2">
      <c r="A1461" s="37" t="str">
        <f>IF(B1457="","","連絡先")</f>
        <v/>
      </c>
      <c r="B1461" s="42"/>
      <c r="C1461" s="40"/>
      <c r="D1461" s="40"/>
      <c r="E1461" s="40"/>
      <c r="F1461" s="40"/>
      <c r="G1461" s="40"/>
      <c r="H1461" s="40"/>
      <c r="I1461" s="41"/>
    </row>
    <row r="1462" spans="1:9" x14ac:dyDescent="0.2">
      <c r="A1462" s="99" t="str">
        <f>IF(B1457="","","URL")</f>
        <v/>
      </c>
      <c r="B1462" s="101"/>
      <c r="C1462" s="101"/>
      <c r="D1462" s="101"/>
      <c r="E1462" s="101"/>
      <c r="F1462" s="101"/>
      <c r="G1462" s="101"/>
      <c r="H1462" s="101"/>
      <c r="I1462" s="101"/>
    </row>
    <row r="1463" spans="1:9" x14ac:dyDescent="0.2">
      <c r="A1463" s="100"/>
      <c r="B1463" s="102"/>
      <c r="C1463" s="103"/>
      <c r="D1463" s="103"/>
      <c r="E1463" s="103"/>
      <c r="F1463" s="103"/>
      <c r="G1463" s="103"/>
      <c r="H1463" s="103"/>
      <c r="I1463" s="104"/>
    </row>
    <row r="1466" spans="1:9" x14ac:dyDescent="0.2">
      <c r="A1466" s="37" t="str">
        <f>IF(B1466="","","名称")</f>
        <v/>
      </c>
      <c r="B1466" s="84"/>
      <c r="C1466" s="84"/>
      <c r="D1466" s="84"/>
      <c r="E1466" s="84"/>
      <c r="F1466" s="84"/>
      <c r="G1466" s="84"/>
      <c r="H1466" s="84"/>
      <c r="I1466" s="84"/>
    </row>
    <row r="1467" spans="1:9" x14ac:dyDescent="0.2">
      <c r="A1467" s="85" t="str">
        <f>IF(B1466="","","内容")</f>
        <v/>
      </c>
      <c r="B1467" s="87"/>
      <c r="C1467" s="88"/>
      <c r="D1467" s="91"/>
      <c r="E1467" s="91"/>
      <c r="F1467" s="91"/>
      <c r="G1467" s="91"/>
      <c r="H1467" s="91"/>
      <c r="I1467" s="93"/>
    </row>
    <row r="1468" spans="1:9" x14ac:dyDescent="0.2">
      <c r="A1468" s="86"/>
      <c r="B1468" s="89"/>
      <c r="C1468" s="90"/>
      <c r="D1468" s="92"/>
      <c r="E1468" s="92"/>
      <c r="F1468" s="92"/>
      <c r="G1468" s="92"/>
      <c r="H1468" s="92"/>
      <c r="I1468" s="94"/>
    </row>
    <row r="1469" spans="1:9" x14ac:dyDescent="0.2">
      <c r="A1469" s="38" t="str">
        <f>IF(B1466="","","（備考）")</f>
        <v/>
      </c>
      <c r="B1469" s="116"/>
      <c r="C1469" s="97"/>
      <c r="D1469" s="97"/>
      <c r="E1469" s="97"/>
      <c r="F1469" s="97"/>
      <c r="G1469" s="97"/>
      <c r="H1469" s="97"/>
      <c r="I1469" s="98"/>
    </row>
    <row r="1470" spans="1:9" x14ac:dyDescent="0.2">
      <c r="A1470" s="37" t="str">
        <f>IF(B1466="","","連絡先")</f>
        <v/>
      </c>
      <c r="B1470" s="42"/>
      <c r="C1470" s="40"/>
      <c r="D1470" s="40"/>
      <c r="E1470" s="40"/>
      <c r="F1470" s="40"/>
      <c r="G1470" s="40"/>
      <c r="H1470" s="40"/>
      <c r="I1470" s="41"/>
    </row>
    <row r="1471" spans="1:9" x14ac:dyDescent="0.2">
      <c r="A1471" s="99" t="str">
        <f>IF(B1466="","","URL")</f>
        <v/>
      </c>
      <c r="B1471" s="101"/>
      <c r="C1471" s="101"/>
      <c r="D1471" s="101"/>
      <c r="E1471" s="101"/>
      <c r="F1471" s="101"/>
      <c r="G1471" s="101"/>
      <c r="H1471" s="101"/>
      <c r="I1471" s="101"/>
    </row>
    <row r="1472" spans="1:9" x14ac:dyDescent="0.2">
      <c r="A1472" s="100"/>
      <c r="B1472" s="102"/>
      <c r="C1472" s="103"/>
      <c r="D1472" s="103"/>
      <c r="E1472" s="103"/>
      <c r="F1472" s="103"/>
      <c r="G1472" s="103"/>
      <c r="H1472" s="103"/>
      <c r="I1472" s="104"/>
    </row>
    <row r="1476" spans="1:9" ht="13.5" customHeight="1" x14ac:dyDescent="0.2">
      <c r="A1476" s="107" t="s">
        <v>298</v>
      </c>
      <c r="B1476" s="107"/>
      <c r="C1476" s="107"/>
      <c r="D1476" s="107"/>
      <c r="E1476" s="107"/>
      <c r="F1476" s="107"/>
      <c r="G1476" s="107"/>
      <c r="H1476" s="107"/>
      <c r="I1476" s="107"/>
    </row>
    <row r="1477" spans="1:9" ht="13.5" customHeight="1" x14ac:dyDescent="0.2">
      <c r="A1477" s="107"/>
      <c r="B1477" s="107"/>
      <c r="C1477" s="107"/>
      <c r="D1477" s="107"/>
      <c r="E1477" s="107"/>
      <c r="F1477" s="107"/>
      <c r="G1477" s="107"/>
      <c r="H1477" s="107"/>
      <c r="I1477" s="107"/>
    </row>
    <row r="1480" spans="1:9" x14ac:dyDescent="0.2">
      <c r="A1480" s="37" t="str">
        <f>IF(B1480="","","名称")</f>
        <v>名称</v>
      </c>
      <c r="B1480" s="84" t="s">
        <v>299</v>
      </c>
      <c r="C1480" s="84"/>
      <c r="D1480" s="84"/>
      <c r="E1480" s="84"/>
      <c r="F1480" s="84"/>
      <c r="G1480" s="84"/>
      <c r="H1480" s="84"/>
      <c r="I1480" s="84"/>
    </row>
    <row r="1481" spans="1:9" x14ac:dyDescent="0.2">
      <c r="A1481" s="85" t="str">
        <f>IF(B1480="","","内容")</f>
        <v>内容</v>
      </c>
      <c r="B1481" s="87" t="s">
        <v>120</v>
      </c>
      <c r="C1481" s="88"/>
      <c r="D1481" s="91"/>
      <c r="E1481" s="91"/>
      <c r="F1481" s="91"/>
      <c r="G1481" s="91"/>
      <c r="H1481" s="91"/>
      <c r="I1481" s="93"/>
    </row>
    <row r="1482" spans="1:9" x14ac:dyDescent="0.2">
      <c r="A1482" s="86"/>
      <c r="B1482" s="89"/>
      <c r="C1482" s="90"/>
      <c r="D1482" s="92"/>
      <c r="E1482" s="92"/>
      <c r="F1482" s="92"/>
      <c r="G1482" s="92"/>
      <c r="H1482" s="92"/>
      <c r="I1482" s="94"/>
    </row>
    <row r="1483" spans="1:9" x14ac:dyDescent="0.2">
      <c r="A1483" s="38" t="str">
        <f>IF(B1480="","","（備考）")</f>
        <v>（備考）</v>
      </c>
      <c r="B1483" s="174"/>
      <c r="C1483" s="175"/>
      <c r="D1483" s="97"/>
      <c r="E1483" s="97"/>
      <c r="F1483" s="97"/>
      <c r="G1483" s="97"/>
      <c r="H1483" s="97"/>
      <c r="I1483" s="98"/>
    </row>
    <row r="1484" spans="1:9" x14ac:dyDescent="0.2">
      <c r="A1484" s="37" t="str">
        <f>IF(B1480="","","連絡先")</f>
        <v>連絡先</v>
      </c>
      <c r="B1484" s="43" t="s">
        <v>300</v>
      </c>
      <c r="C1484" s="40"/>
      <c r="D1484" s="40" t="s">
        <v>99</v>
      </c>
      <c r="E1484" s="40"/>
      <c r="F1484" s="40"/>
      <c r="G1484" s="40"/>
      <c r="H1484" s="40"/>
      <c r="I1484" s="41"/>
    </row>
    <row r="1485" spans="1:9" x14ac:dyDescent="0.2">
      <c r="A1485" s="99" t="str">
        <f>IF(B1480="","","URL")</f>
        <v>URL</v>
      </c>
      <c r="B1485" s="101" t="s">
        <v>301</v>
      </c>
      <c r="C1485" s="101"/>
      <c r="D1485" s="101"/>
      <c r="E1485" s="101"/>
      <c r="F1485" s="101"/>
      <c r="G1485" s="101"/>
      <c r="H1485" s="101"/>
      <c r="I1485" s="101"/>
    </row>
    <row r="1486" spans="1:9" x14ac:dyDescent="0.2">
      <c r="A1486" s="100"/>
      <c r="B1486" s="102"/>
      <c r="C1486" s="103"/>
      <c r="D1486" s="103"/>
      <c r="E1486" s="103"/>
      <c r="F1486" s="103"/>
      <c r="G1486" s="103"/>
      <c r="H1486" s="103"/>
      <c r="I1486" s="104"/>
    </row>
    <row r="1489" spans="1:9" x14ac:dyDescent="0.2">
      <c r="A1489" s="37" t="str">
        <f>IF(B1489="","","名称")</f>
        <v>名称</v>
      </c>
      <c r="B1489" s="84" t="s">
        <v>386</v>
      </c>
      <c r="C1489" s="84"/>
      <c r="D1489" s="84"/>
      <c r="E1489" s="84"/>
      <c r="F1489" s="84"/>
      <c r="G1489" s="84"/>
      <c r="H1489" s="84"/>
      <c r="I1489" s="84"/>
    </row>
    <row r="1490" spans="1:9" x14ac:dyDescent="0.2">
      <c r="A1490" s="85" t="str">
        <f>IF(B1489="","","内容")</f>
        <v>内容</v>
      </c>
      <c r="B1490" s="252" t="s">
        <v>13</v>
      </c>
      <c r="C1490" s="253"/>
      <c r="D1490" s="91"/>
      <c r="E1490" s="91"/>
      <c r="F1490" s="91"/>
      <c r="G1490" s="91"/>
      <c r="H1490" s="91"/>
      <c r="I1490" s="93"/>
    </row>
    <row r="1491" spans="1:9" x14ac:dyDescent="0.2">
      <c r="A1491" s="86"/>
      <c r="B1491" s="254"/>
      <c r="C1491" s="255"/>
      <c r="D1491" s="92"/>
      <c r="E1491" s="92"/>
      <c r="F1491" s="92"/>
      <c r="G1491" s="92"/>
      <c r="H1491" s="92"/>
      <c r="I1491" s="94"/>
    </row>
    <row r="1492" spans="1:9" x14ac:dyDescent="0.2">
      <c r="A1492" s="38" t="str">
        <f>IF(B1489="","","（備考）")</f>
        <v>（備考）</v>
      </c>
      <c r="B1492" s="108"/>
      <c r="C1492" s="109"/>
      <c r="D1492" s="97"/>
      <c r="E1492" s="97"/>
      <c r="F1492" s="97"/>
      <c r="G1492" s="97"/>
      <c r="H1492" s="97"/>
      <c r="I1492" s="98"/>
    </row>
    <row r="1493" spans="1:9" x14ac:dyDescent="0.2">
      <c r="A1493" s="37" t="str">
        <f>IF(B1489="","","連絡先")</f>
        <v>連絡先</v>
      </c>
      <c r="B1493" s="43" t="s">
        <v>495</v>
      </c>
      <c r="C1493" s="40"/>
      <c r="D1493" s="40"/>
      <c r="E1493" s="40"/>
      <c r="F1493" s="40"/>
      <c r="G1493" s="40"/>
      <c r="H1493" s="40"/>
      <c r="I1493" s="41"/>
    </row>
    <row r="1494" spans="1:9" x14ac:dyDescent="0.2">
      <c r="A1494" s="99" t="str">
        <f>IF(B1489="","","URL")</f>
        <v>URL</v>
      </c>
      <c r="B1494" s="149" t="s">
        <v>387</v>
      </c>
      <c r="C1494" s="149"/>
      <c r="D1494" s="149"/>
      <c r="E1494" s="149"/>
      <c r="F1494" s="149"/>
      <c r="G1494" s="149"/>
      <c r="H1494" s="149"/>
      <c r="I1494" s="149"/>
    </row>
    <row r="1495" spans="1:9" x14ac:dyDescent="0.2">
      <c r="A1495" s="100"/>
      <c r="B1495" s="161"/>
      <c r="C1495" s="162"/>
      <c r="D1495" s="162"/>
      <c r="E1495" s="162"/>
      <c r="F1495" s="162"/>
      <c r="G1495" s="162"/>
      <c r="H1495" s="162"/>
      <c r="I1495" s="163"/>
    </row>
    <row r="1498" spans="1:9" x14ac:dyDescent="0.2">
      <c r="A1498" s="37" t="str">
        <f>IF(B1498="","","名称")</f>
        <v>名称</v>
      </c>
      <c r="B1498" s="84" t="s">
        <v>304</v>
      </c>
      <c r="C1498" s="84"/>
      <c r="D1498" s="84"/>
      <c r="E1498" s="84"/>
      <c r="F1498" s="84"/>
      <c r="G1498" s="84"/>
      <c r="H1498" s="84"/>
      <c r="I1498" s="84"/>
    </row>
    <row r="1499" spans="1:9" x14ac:dyDescent="0.2">
      <c r="A1499" s="85" t="str">
        <f>IF(B1498="","","内容")</f>
        <v>内容</v>
      </c>
      <c r="B1499" s="87" t="s">
        <v>110</v>
      </c>
      <c r="C1499" s="88"/>
      <c r="D1499" s="91" t="s">
        <v>122</v>
      </c>
      <c r="E1499" s="91"/>
      <c r="F1499" s="91" t="s">
        <v>305</v>
      </c>
      <c r="G1499" s="91"/>
      <c r="H1499" s="91"/>
      <c r="I1499" s="93"/>
    </row>
    <row r="1500" spans="1:9" x14ac:dyDescent="0.2">
      <c r="A1500" s="86"/>
      <c r="B1500" s="89"/>
      <c r="C1500" s="90"/>
      <c r="D1500" s="92"/>
      <c r="E1500" s="92"/>
      <c r="F1500" s="92"/>
      <c r="G1500" s="92"/>
      <c r="H1500" s="92"/>
      <c r="I1500" s="94"/>
    </row>
    <row r="1501" spans="1:9" x14ac:dyDescent="0.2">
      <c r="A1501" s="38" t="str">
        <f>IF(B1498="","","（備考）")</f>
        <v>（備考）</v>
      </c>
      <c r="B1501" s="167"/>
      <c r="C1501" s="117"/>
      <c r="D1501" s="173" t="s">
        <v>496</v>
      </c>
      <c r="E1501" s="173"/>
      <c r="F1501" s="171" t="s">
        <v>497</v>
      </c>
      <c r="G1501" s="171"/>
      <c r="H1501" s="97"/>
      <c r="I1501" s="98"/>
    </row>
    <row r="1502" spans="1:9" x14ac:dyDescent="0.2">
      <c r="A1502" s="37" t="str">
        <f>IF(B1498="","","連絡先")</f>
        <v>連絡先</v>
      </c>
      <c r="B1502" s="43" t="s">
        <v>300</v>
      </c>
      <c r="C1502" s="40"/>
      <c r="D1502" s="40" t="s">
        <v>99</v>
      </c>
      <c r="E1502" s="40"/>
      <c r="F1502" s="40"/>
      <c r="G1502" s="40"/>
      <c r="H1502" s="40"/>
      <c r="I1502" s="41"/>
    </row>
    <row r="1503" spans="1:9" x14ac:dyDescent="0.2">
      <c r="A1503" s="99" t="str">
        <f>IF(B1498="","","URL")</f>
        <v>URL</v>
      </c>
      <c r="B1503" s="101" t="s">
        <v>306</v>
      </c>
      <c r="C1503" s="101"/>
      <c r="D1503" s="101"/>
      <c r="E1503" s="101"/>
      <c r="F1503" s="101"/>
      <c r="G1503" s="101"/>
      <c r="H1503" s="101"/>
      <c r="I1503" s="101"/>
    </row>
    <row r="1504" spans="1:9" x14ac:dyDescent="0.2">
      <c r="A1504" s="100"/>
      <c r="B1504" s="102"/>
      <c r="C1504" s="103"/>
      <c r="D1504" s="103"/>
      <c r="E1504" s="103"/>
      <c r="F1504" s="103"/>
      <c r="G1504" s="103"/>
      <c r="H1504" s="103"/>
      <c r="I1504" s="104"/>
    </row>
    <row r="1507" spans="1:9" x14ac:dyDescent="0.2">
      <c r="A1507" s="37" t="str">
        <f>IF(B1507="","","名称")</f>
        <v>名称</v>
      </c>
      <c r="B1507" s="84" t="s">
        <v>307</v>
      </c>
      <c r="C1507" s="84"/>
      <c r="D1507" s="84"/>
      <c r="E1507" s="84"/>
      <c r="F1507" s="84"/>
      <c r="G1507" s="84"/>
      <c r="H1507" s="84"/>
      <c r="I1507" s="84"/>
    </row>
    <row r="1508" spans="1:9" x14ac:dyDescent="0.2">
      <c r="A1508" s="85" t="str">
        <f>IF(B1507="","","内容")</f>
        <v>内容</v>
      </c>
      <c r="B1508" s="87" t="s">
        <v>111</v>
      </c>
      <c r="C1508" s="88"/>
      <c r="D1508" s="91"/>
      <c r="E1508" s="91"/>
      <c r="F1508" s="91"/>
      <c r="G1508" s="91"/>
      <c r="H1508" s="91"/>
      <c r="I1508" s="93"/>
    </row>
    <row r="1509" spans="1:9" x14ac:dyDescent="0.2">
      <c r="A1509" s="86"/>
      <c r="B1509" s="89"/>
      <c r="C1509" s="90"/>
      <c r="D1509" s="92"/>
      <c r="E1509" s="92"/>
      <c r="F1509" s="92"/>
      <c r="G1509" s="92"/>
      <c r="H1509" s="92"/>
      <c r="I1509" s="94"/>
    </row>
    <row r="1510" spans="1:9" x14ac:dyDescent="0.2">
      <c r="A1510" s="38" t="str">
        <f>IF(B1507="","","（備考）")</f>
        <v>（備考）</v>
      </c>
      <c r="B1510" s="95" t="s">
        <v>308</v>
      </c>
      <c r="C1510" s="96"/>
      <c r="D1510" s="97"/>
      <c r="E1510" s="97"/>
      <c r="F1510" s="97"/>
      <c r="G1510" s="97"/>
      <c r="H1510" s="97"/>
      <c r="I1510" s="98"/>
    </row>
    <row r="1511" spans="1:9" x14ac:dyDescent="0.2">
      <c r="A1511" s="37" t="str">
        <f>IF(B1507="","","連絡先")</f>
        <v>連絡先</v>
      </c>
      <c r="B1511" s="43" t="s">
        <v>309</v>
      </c>
      <c r="C1511" s="40"/>
      <c r="D1511" s="40" t="s">
        <v>106</v>
      </c>
      <c r="E1511" s="40"/>
      <c r="F1511" s="40"/>
      <c r="G1511" s="40"/>
      <c r="H1511" s="40"/>
      <c r="I1511" s="41"/>
    </row>
    <row r="1512" spans="1:9" x14ac:dyDescent="0.2">
      <c r="A1512" s="99" t="str">
        <f>IF(B1507="","","URL")</f>
        <v>URL</v>
      </c>
      <c r="B1512" s="149" t="s">
        <v>310</v>
      </c>
      <c r="C1512" s="149"/>
      <c r="D1512" s="149"/>
      <c r="E1512" s="149"/>
      <c r="F1512" s="149"/>
      <c r="G1512" s="149"/>
      <c r="H1512" s="149"/>
      <c r="I1512" s="149"/>
    </row>
    <row r="1513" spans="1:9" x14ac:dyDescent="0.2">
      <c r="A1513" s="100"/>
      <c r="B1513" s="161"/>
      <c r="C1513" s="162"/>
      <c r="D1513" s="162"/>
      <c r="E1513" s="162"/>
      <c r="F1513" s="162"/>
      <c r="G1513" s="162"/>
      <c r="H1513" s="162"/>
      <c r="I1513" s="163"/>
    </row>
    <row r="1516" spans="1:9" x14ac:dyDescent="0.2">
      <c r="A1516" s="37" t="str">
        <f>IF(B1516="","","名称")</f>
        <v>名称</v>
      </c>
      <c r="B1516" s="84" t="s">
        <v>302</v>
      </c>
      <c r="C1516" s="84"/>
      <c r="D1516" s="84"/>
      <c r="E1516" s="84"/>
      <c r="F1516" s="84"/>
      <c r="G1516" s="84"/>
      <c r="H1516" s="84"/>
      <c r="I1516" s="84"/>
    </row>
    <row r="1517" spans="1:9" x14ac:dyDescent="0.2">
      <c r="A1517" s="85" t="str">
        <f>IF(B1516="","","内容")</f>
        <v>内容</v>
      </c>
      <c r="B1517" s="87" t="s">
        <v>122</v>
      </c>
      <c r="C1517" s="88"/>
      <c r="D1517" s="91"/>
      <c r="E1517" s="91"/>
      <c r="F1517" s="91"/>
      <c r="G1517" s="91"/>
      <c r="H1517" s="91"/>
      <c r="I1517" s="93"/>
    </row>
    <row r="1518" spans="1:9" x14ac:dyDescent="0.2">
      <c r="A1518" s="86"/>
      <c r="B1518" s="89"/>
      <c r="C1518" s="90"/>
      <c r="D1518" s="92"/>
      <c r="E1518" s="92"/>
      <c r="F1518" s="92"/>
      <c r="G1518" s="92"/>
      <c r="H1518" s="92"/>
      <c r="I1518" s="94"/>
    </row>
    <row r="1519" spans="1:9" x14ac:dyDescent="0.2">
      <c r="A1519" s="38" t="str">
        <f>IF(B1516="","","（備考）")</f>
        <v>（備考）</v>
      </c>
      <c r="B1519" s="172"/>
      <c r="C1519" s="173"/>
      <c r="D1519" s="97"/>
      <c r="E1519" s="97"/>
      <c r="F1519" s="97"/>
      <c r="G1519" s="97"/>
      <c r="H1519" s="97"/>
      <c r="I1519" s="98"/>
    </row>
    <row r="1520" spans="1:9" x14ac:dyDescent="0.2">
      <c r="A1520" s="37" t="str">
        <f>IF(B1516="","","連絡先")</f>
        <v>連絡先</v>
      </c>
      <c r="B1520" s="43" t="s">
        <v>300</v>
      </c>
      <c r="C1520" s="40"/>
      <c r="D1520" s="40" t="s">
        <v>99</v>
      </c>
      <c r="E1520" s="40"/>
      <c r="F1520" s="40"/>
      <c r="G1520" s="40"/>
      <c r="H1520" s="40"/>
      <c r="I1520" s="41"/>
    </row>
    <row r="1521" spans="1:9" ht="13.2" customHeight="1" x14ac:dyDescent="0.2">
      <c r="A1521" s="99" t="str">
        <f>IF(B1516="","","URL")</f>
        <v>URL</v>
      </c>
      <c r="B1521" s="101" t="s">
        <v>303</v>
      </c>
      <c r="C1521" s="101"/>
      <c r="D1521" s="101"/>
      <c r="E1521" s="101"/>
      <c r="F1521" s="101"/>
      <c r="G1521" s="101"/>
      <c r="H1521" s="101"/>
      <c r="I1521" s="101"/>
    </row>
    <row r="1522" spans="1:9" x14ac:dyDescent="0.2">
      <c r="A1522" s="100"/>
      <c r="B1522" s="102"/>
      <c r="C1522" s="103"/>
      <c r="D1522" s="103"/>
      <c r="E1522" s="103"/>
      <c r="F1522" s="103"/>
      <c r="G1522" s="103"/>
      <c r="H1522" s="103"/>
      <c r="I1522" s="104"/>
    </row>
    <row r="1525" spans="1:9" x14ac:dyDescent="0.2">
      <c r="A1525" s="37" t="str">
        <f>IF(B1525="","","名称")</f>
        <v/>
      </c>
      <c r="B1525" s="84"/>
      <c r="C1525" s="84"/>
      <c r="D1525" s="84"/>
      <c r="E1525" s="84"/>
      <c r="F1525" s="84"/>
      <c r="G1525" s="84"/>
      <c r="H1525" s="84"/>
      <c r="I1525" s="84"/>
    </row>
    <row r="1526" spans="1:9" x14ac:dyDescent="0.2">
      <c r="A1526" s="85" t="str">
        <f>IF(B1525="","","内容")</f>
        <v/>
      </c>
      <c r="B1526" s="87"/>
      <c r="C1526" s="88"/>
      <c r="D1526" s="91"/>
      <c r="E1526" s="91"/>
      <c r="F1526" s="91"/>
      <c r="G1526" s="91"/>
      <c r="H1526" s="91"/>
      <c r="I1526" s="93"/>
    </row>
    <row r="1527" spans="1:9" x14ac:dyDescent="0.2">
      <c r="A1527" s="86"/>
      <c r="B1527" s="89"/>
      <c r="C1527" s="90"/>
      <c r="D1527" s="92"/>
      <c r="E1527" s="92"/>
      <c r="F1527" s="92"/>
      <c r="G1527" s="92"/>
      <c r="H1527" s="92"/>
      <c r="I1527" s="94"/>
    </row>
    <row r="1528" spans="1:9" x14ac:dyDescent="0.2">
      <c r="A1528" s="38" t="str">
        <f>IF(B1525="","","（備考）")</f>
        <v/>
      </c>
      <c r="B1528" s="183"/>
      <c r="C1528" s="155"/>
      <c r="D1528" s="97"/>
      <c r="E1528" s="97"/>
      <c r="F1528" s="97"/>
      <c r="G1528" s="97"/>
      <c r="H1528" s="97"/>
      <c r="I1528" s="98"/>
    </row>
    <row r="1529" spans="1:9" x14ac:dyDescent="0.2">
      <c r="A1529" s="37" t="str">
        <f>IF(B1525="","","連絡先")</f>
        <v/>
      </c>
      <c r="B1529" s="43"/>
      <c r="C1529" s="40"/>
      <c r="D1529" s="40"/>
      <c r="E1529" s="40"/>
      <c r="F1529" s="40"/>
      <c r="G1529" s="40"/>
      <c r="H1529" s="40"/>
      <c r="I1529" s="41"/>
    </row>
    <row r="1530" spans="1:9" x14ac:dyDescent="0.2">
      <c r="A1530" s="99" t="str">
        <f>IF(B1525="","","URL")</f>
        <v/>
      </c>
      <c r="B1530" s="101"/>
      <c r="C1530" s="101"/>
      <c r="D1530" s="101"/>
      <c r="E1530" s="101"/>
      <c r="F1530" s="101"/>
      <c r="G1530" s="101"/>
      <c r="H1530" s="101"/>
      <c r="I1530" s="101"/>
    </row>
    <row r="1531" spans="1:9" x14ac:dyDescent="0.2">
      <c r="A1531" s="100"/>
      <c r="B1531" s="102"/>
      <c r="C1531" s="103"/>
      <c r="D1531" s="103"/>
      <c r="E1531" s="103"/>
      <c r="F1531" s="103"/>
      <c r="G1531" s="103"/>
      <c r="H1531" s="103"/>
      <c r="I1531" s="104"/>
    </row>
    <row r="1535" spans="1:9" ht="13.5" customHeight="1" x14ac:dyDescent="0.2">
      <c r="A1535" s="107" t="s">
        <v>311</v>
      </c>
      <c r="B1535" s="107"/>
      <c r="C1535" s="107"/>
      <c r="D1535" s="107"/>
      <c r="E1535" s="107"/>
      <c r="F1535" s="107"/>
      <c r="G1535" s="107"/>
      <c r="H1535" s="107"/>
      <c r="I1535" s="107"/>
    </row>
    <row r="1536" spans="1:9" ht="13.5" customHeight="1" x14ac:dyDescent="0.2">
      <c r="A1536" s="107"/>
      <c r="B1536" s="107"/>
      <c r="C1536" s="107"/>
      <c r="D1536" s="107"/>
      <c r="E1536" s="107"/>
      <c r="F1536" s="107"/>
      <c r="G1536" s="107"/>
      <c r="H1536" s="107"/>
      <c r="I1536" s="107"/>
    </row>
    <row r="1539" spans="1:9" x14ac:dyDescent="0.2">
      <c r="A1539" s="37" t="str">
        <f>IF(B1539="","","名称")</f>
        <v>名称</v>
      </c>
      <c r="B1539" s="84" t="s">
        <v>312</v>
      </c>
      <c r="C1539" s="84"/>
      <c r="D1539" s="84"/>
      <c r="E1539" s="84"/>
      <c r="F1539" s="84"/>
      <c r="G1539" s="84"/>
      <c r="H1539" s="84"/>
      <c r="I1539" s="84"/>
    </row>
    <row r="1540" spans="1:9" x14ac:dyDescent="0.2">
      <c r="A1540" s="85" t="str">
        <f>IF(B1539="","","内容")</f>
        <v>内容</v>
      </c>
      <c r="B1540" s="87" t="s">
        <v>109</v>
      </c>
      <c r="C1540" s="88"/>
      <c r="D1540" s="91"/>
      <c r="E1540" s="91"/>
      <c r="F1540" s="91"/>
      <c r="G1540" s="91"/>
      <c r="H1540" s="91"/>
      <c r="I1540" s="93"/>
    </row>
    <row r="1541" spans="1:9" x14ac:dyDescent="0.2">
      <c r="A1541" s="86"/>
      <c r="B1541" s="89"/>
      <c r="C1541" s="90"/>
      <c r="D1541" s="92"/>
      <c r="E1541" s="92"/>
      <c r="F1541" s="92"/>
      <c r="G1541" s="92"/>
      <c r="H1541" s="92"/>
      <c r="I1541" s="94"/>
    </row>
    <row r="1542" spans="1:9" x14ac:dyDescent="0.2">
      <c r="A1542" s="38" t="str">
        <f>IF(B1539="","","（備考）")</f>
        <v>（備考）</v>
      </c>
      <c r="B1542" s="108"/>
      <c r="C1542" s="109"/>
      <c r="D1542" s="97"/>
      <c r="E1542" s="97"/>
      <c r="F1542" s="97"/>
      <c r="G1542" s="97"/>
      <c r="H1542" s="97"/>
      <c r="I1542" s="98"/>
    </row>
    <row r="1543" spans="1:9" x14ac:dyDescent="0.2">
      <c r="A1543" s="37" t="str">
        <f>IF(B1539="","","連絡先")</f>
        <v>連絡先</v>
      </c>
      <c r="B1543" s="43" t="s">
        <v>388</v>
      </c>
      <c r="C1543" s="40"/>
      <c r="D1543" s="40" t="s">
        <v>106</v>
      </c>
      <c r="E1543" s="40"/>
      <c r="F1543" s="40"/>
      <c r="G1543" s="40"/>
      <c r="H1543" s="40"/>
      <c r="I1543" s="41"/>
    </row>
    <row r="1544" spans="1:9" x14ac:dyDescent="0.2">
      <c r="A1544" s="99" t="str">
        <f>IF(B1539="","","URL")</f>
        <v>URL</v>
      </c>
      <c r="B1544" s="149" t="s">
        <v>313</v>
      </c>
      <c r="C1544" s="149"/>
      <c r="D1544" s="149"/>
      <c r="E1544" s="149"/>
      <c r="F1544" s="149"/>
      <c r="G1544" s="149"/>
      <c r="H1544" s="149"/>
      <c r="I1544" s="149"/>
    </row>
    <row r="1545" spans="1:9" x14ac:dyDescent="0.2">
      <c r="A1545" s="100"/>
      <c r="B1545" s="161"/>
      <c r="C1545" s="162"/>
      <c r="D1545" s="162"/>
      <c r="E1545" s="162"/>
      <c r="F1545" s="162"/>
      <c r="G1545" s="162"/>
      <c r="H1545" s="162"/>
      <c r="I1545" s="163"/>
    </row>
    <row r="1548" spans="1:9" x14ac:dyDescent="0.2">
      <c r="A1548" s="37" t="str">
        <f>IF(B1548="","","名称")</f>
        <v>名称</v>
      </c>
      <c r="B1548" s="84" t="s">
        <v>314</v>
      </c>
      <c r="C1548" s="84"/>
      <c r="D1548" s="84"/>
      <c r="E1548" s="84"/>
      <c r="F1548" s="84"/>
      <c r="G1548" s="84"/>
      <c r="H1548" s="84"/>
      <c r="I1548" s="84"/>
    </row>
    <row r="1549" spans="1:9" x14ac:dyDescent="0.2">
      <c r="A1549" s="85" t="str">
        <f>IF(B1548="","","内容")</f>
        <v>内容</v>
      </c>
      <c r="B1549" s="87" t="s">
        <v>120</v>
      </c>
      <c r="C1549" s="88"/>
      <c r="D1549" s="91" t="s">
        <v>305</v>
      </c>
      <c r="E1549" s="91"/>
      <c r="F1549" s="91"/>
      <c r="G1549" s="91"/>
      <c r="H1549" s="91"/>
      <c r="I1549" s="93"/>
    </row>
    <row r="1550" spans="1:9" x14ac:dyDescent="0.2">
      <c r="A1550" s="86"/>
      <c r="B1550" s="89"/>
      <c r="C1550" s="90"/>
      <c r="D1550" s="92"/>
      <c r="E1550" s="92"/>
      <c r="F1550" s="92"/>
      <c r="G1550" s="92"/>
      <c r="H1550" s="92"/>
      <c r="I1550" s="94"/>
    </row>
    <row r="1551" spans="1:9" x14ac:dyDescent="0.2">
      <c r="A1551" s="38" t="str">
        <f>IF(B1548="","","（備考）")</f>
        <v>（備考）</v>
      </c>
      <c r="B1551" s="174"/>
      <c r="C1551" s="175"/>
      <c r="D1551" s="171" t="s">
        <v>315</v>
      </c>
      <c r="E1551" s="171"/>
      <c r="F1551" s="97"/>
      <c r="G1551" s="97"/>
      <c r="H1551" s="97"/>
      <c r="I1551" s="98"/>
    </row>
    <row r="1552" spans="1:9" x14ac:dyDescent="0.2">
      <c r="A1552" s="37" t="str">
        <f>IF(B1548="","","連絡先")</f>
        <v>連絡先</v>
      </c>
      <c r="B1552" s="43" t="s">
        <v>389</v>
      </c>
      <c r="C1552" s="40"/>
      <c r="D1552" s="40" t="s">
        <v>106</v>
      </c>
      <c r="E1552" s="40"/>
      <c r="F1552" s="40"/>
      <c r="G1552" s="40"/>
      <c r="H1552" s="40"/>
      <c r="I1552" s="41"/>
    </row>
    <row r="1553" spans="1:9" x14ac:dyDescent="0.2">
      <c r="A1553" s="99" t="str">
        <f>IF(B1548="","","URL")</f>
        <v>URL</v>
      </c>
      <c r="B1553" s="149" t="s">
        <v>316</v>
      </c>
      <c r="C1553" s="149"/>
      <c r="D1553" s="149"/>
      <c r="E1553" s="149"/>
      <c r="F1553" s="149"/>
      <c r="G1553" s="149"/>
      <c r="H1553" s="149"/>
      <c r="I1553" s="149"/>
    </row>
    <row r="1554" spans="1:9" x14ac:dyDescent="0.2">
      <c r="A1554" s="100"/>
      <c r="B1554" s="161"/>
      <c r="C1554" s="162"/>
      <c r="D1554" s="162"/>
      <c r="E1554" s="162"/>
      <c r="F1554" s="162"/>
      <c r="G1554" s="162"/>
      <c r="H1554" s="162"/>
      <c r="I1554" s="163"/>
    </row>
    <row r="1557" spans="1:9" x14ac:dyDescent="0.2">
      <c r="A1557" s="37" t="str">
        <f>IF(B1557="","","名称")</f>
        <v>名称</v>
      </c>
      <c r="B1557" s="84" t="s">
        <v>317</v>
      </c>
      <c r="C1557" s="84"/>
      <c r="D1557" s="84"/>
      <c r="E1557" s="84"/>
      <c r="F1557" s="84"/>
      <c r="G1557" s="84"/>
      <c r="H1557" s="84"/>
      <c r="I1557" s="84"/>
    </row>
    <row r="1558" spans="1:9" x14ac:dyDescent="0.2">
      <c r="A1558" s="85" t="str">
        <f>IF(B1557="","","内容")</f>
        <v>内容</v>
      </c>
      <c r="B1558" s="87" t="s">
        <v>122</v>
      </c>
      <c r="C1558" s="88"/>
      <c r="D1558" s="91"/>
      <c r="E1558" s="91"/>
      <c r="F1558" s="91"/>
      <c r="G1558" s="91"/>
      <c r="H1558" s="91"/>
      <c r="I1558" s="93"/>
    </row>
    <row r="1559" spans="1:9" x14ac:dyDescent="0.2">
      <c r="A1559" s="86"/>
      <c r="B1559" s="89"/>
      <c r="C1559" s="90"/>
      <c r="D1559" s="92"/>
      <c r="E1559" s="92"/>
      <c r="F1559" s="92"/>
      <c r="G1559" s="92"/>
      <c r="H1559" s="92"/>
      <c r="I1559" s="94"/>
    </row>
    <row r="1560" spans="1:9" x14ac:dyDescent="0.2">
      <c r="A1560" s="38" t="str">
        <f>IF(B1557="","","（備考）")</f>
        <v>（備考）</v>
      </c>
      <c r="B1560" s="172"/>
      <c r="C1560" s="173"/>
      <c r="D1560" s="97"/>
      <c r="E1560" s="97"/>
      <c r="F1560" s="97"/>
      <c r="G1560" s="97"/>
      <c r="H1560" s="97"/>
      <c r="I1560" s="98"/>
    </row>
    <row r="1561" spans="1:9" x14ac:dyDescent="0.2">
      <c r="A1561" s="37" t="str">
        <f>IF(B1557="","","連絡先")</f>
        <v>連絡先</v>
      </c>
      <c r="B1561" s="43" t="s">
        <v>390</v>
      </c>
      <c r="C1561" s="40"/>
      <c r="D1561" s="40" t="s">
        <v>106</v>
      </c>
      <c r="E1561" s="40"/>
      <c r="F1561" s="40"/>
      <c r="G1561" s="40"/>
      <c r="H1561" s="40"/>
      <c r="I1561" s="41"/>
    </row>
    <row r="1562" spans="1:9" x14ac:dyDescent="0.2">
      <c r="A1562" s="99" t="str">
        <f>IF(B1557="","","URL")</f>
        <v>URL</v>
      </c>
      <c r="B1562" s="149" t="s">
        <v>318</v>
      </c>
      <c r="C1562" s="149"/>
      <c r="D1562" s="149"/>
      <c r="E1562" s="149"/>
      <c r="F1562" s="149"/>
      <c r="G1562" s="149"/>
      <c r="H1562" s="149"/>
      <c r="I1562" s="149"/>
    </row>
    <row r="1563" spans="1:9" x14ac:dyDescent="0.2">
      <c r="A1563" s="100"/>
      <c r="B1563" s="161"/>
      <c r="C1563" s="162"/>
      <c r="D1563" s="162"/>
      <c r="E1563" s="162"/>
      <c r="F1563" s="162"/>
      <c r="G1563" s="162"/>
      <c r="H1563" s="162"/>
      <c r="I1563" s="163"/>
    </row>
    <row r="1566" spans="1:9" x14ac:dyDescent="0.2">
      <c r="A1566" s="37" t="str">
        <f>IF(B1566="","","名称")</f>
        <v/>
      </c>
      <c r="B1566" s="84"/>
      <c r="C1566" s="84"/>
      <c r="D1566" s="84"/>
      <c r="E1566" s="84"/>
      <c r="F1566" s="84"/>
      <c r="G1566" s="84"/>
      <c r="H1566" s="84"/>
      <c r="I1566" s="84"/>
    </row>
    <row r="1567" spans="1:9" x14ac:dyDescent="0.2">
      <c r="A1567" s="85" t="str">
        <f>IF(B1566="","","内容")</f>
        <v/>
      </c>
      <c r="B1567" s="87"/>
      <c r="C1567" s="88"/>
      <c r="D1567" s="91"/>
      <c r="E1567" s="91"/>
      <c r="F1567" s="91"/>
      <c r="G1567" s="91"/>
      <c r="H1567" s="91"/>
      <c r="I1567" s="93"/>
    </row>
    <row r="1568" spans="1:9" x14ac:dyDescent="0.2">
      <c r="A1568" s="86"/>
      <c r="B1568" s="89"/>
      <c r="C1568" s="90"/>
      <c r="D1568" s="92"/>
      <c r="E1568" s="92"/>
      <c r="F1568" s="92"/>
      <c r="G1568" s="92"/>
      <c r="H1568" s="92"/>
      <c r="I1568" s="94"/>
    </row>
    <row r="1569" spans="1:9" x14ac:dyDescent="0.2">
      <c r="A1569" s="38" t="str">
        <f>IF(B1566="","","（備考）")</f>
        <v/>
      </c>
      <c r="B1569" s="116"/>
      <c r="C1569" s="97"/>
      <c r="D1569" s="97"/>
      <c r="E1569" s="97"/>
      <c r="F1569" s="97"/>
      <c r="G1569" s="97"/>
      <c r="H1569" s="97"/>
      <c r="I1569" s="98"/>
    </row>
    <row r="1570" spans="1:9" x14ac:dyDescent="0.2">
      <c r="A1570" s="37" t="str">
        <f>IF(B1566="","","連絡先")</f>
        <v/>
      </c>
      <c r="B1570" s="42"/>
      <c r="C1570" s="40"/>
      <c r="D1570" s="40"/>
      <c r="E1570" s="40"/>
      <c r="F1570" s="40"/>
      <c r="G1570" s="40"/>
      <c r="H1570" s="40"/>
      <c r="I1570" s="41"/>
    </row>
    <row r="1571" spans="1:9" x14ac:dyDescent="0.2">
      <c r="A1571" s="99" t="str">
        <f>IF(B1566="","","URL")</f>
        <v/>
      </c>
      <c r="B1571" s="101"/>
      <c r="C1571" s="101"/>
      <c r="D1571" s="101"/>
      <c r="E1571" s="101"/>
      <c r="F1571" s="101"/>
      <c r="G1571" s="101"/>
      <c r="H1571" s="101"/>
      <c r="I1571" s="101"/>
    </row>
    <row r="1572" spans="1:9" x14ac:dyDescent="0.2">
      <c r="A1572" s="100"/>
      <c r="B1572" s="102"/>
      <c r="C1572" s="103"/>
      <c r="D1572" s="103"/>
      <c r="E1572" s="103"/>
      <c r="F1572" s="103"/>
      <c r="G1572" s="103"/>
      <c r="H1572" s="103"/>
      <c r="I1572" s="104"/>
    </row>
    <row r="1575" spans="1:9" x14ac:dyDescent="0.2">
      <c r="A1575" s="37" t="str">
        <f>IF(B1575="","","名称")</f>
        <v/>
      </c>
      <c r="B1575" s="84"/>
      <c r="C1575" s="84"/>
      <c r="D1575" s="84"/>
      <c r="E1575" s="84"/>
      <c r="F1575" s="84"/>
      <c r="G1575" s="84"/>
      <c r="H1575" s="84"/>
      <c r="I1575" s="84"/>
    </row>
    <row r="1576" spans="1:9" x14ac:dyDescent="0.2">
      <c r="A1576" s="85" t="str">
        <f>IF(B1575="","","内容")</f>
        <v/>
      </c>
      <c r="B1576" s="87"/>
      <c r="C1576" s="88"/>
      <c r="D1576" s="91"/>
      <c r="E1576" s="91"/>
      <c r="F1576" s="91"/>
      <c r="G1576" s="91"/>
      <c r="H1576" s="91"/>
      <c r="I1576" s="93"/>
    </row>
    <row r="1577" spans="1:9" x14ac:dyDescent="0.2">
      <c r="A1577" s="86"/>
      <c r="B1577" s="89"/>
      <c r="C1577" s="90"/>
      <c r="D1577" s="92"/>
      <c r="E1577" s="92"/>
      <c r="F1577" s="92"/>
      <c r="G1577" s="92"/>
      <c r="H1577" s="92"/>
      <c r="I1577" s="94"/>
    </row>
    <row r="1578" spans="1:9" x14ac:dyDescent="0.2">
      <c r="A1578" s="38" t="str">
        <f>IF(B1575="","","（備考）")</f>
        <v/>
      </c>
      <c r="B1578" s="116"/>
      <c r="C1578" s="97"/>
      <c r="D1578" s="97"/>
      <c r="E1578" s="97"/>
      <c r="F1578" s="97"/>
      <c r="G1578" s="97"/>
      <c r="H1578" s="97"/>
      <c r="I1578" s="98"/>
    </row>
    <row r="1579" spans="1:9" x14ac:dyDescent="0.2">
      <c r="A1579" s="37" t="str">
        <f>IF(B1575="","","連絡先")</f>
        <v/>
      </c>
      <c r="B1579" s="42"/>
      <c r="C1579" s="40"/>
      <c r="D1579" s="40"/>
      <c r="E1579" s="40"/>
      <c r="F1579" s="40"/>
      <c r="G1579" s="40"/>
      <c r="H1579" s="40"/>
      <c r="I1579" s="41"/>
    </row>
    <row r="1580" spans="1:9" x14ac:dyDescent="0.2">
      <c r="A1580" s="99" t="str">
        <f>IF(B1575="","","URL")</f>
        <v/>
      </c>
      <c r="B1580" s="101"/>
      <c r="C1580" s="101"/>
      <c r="D1580" s="101"/>
      <c r="E1580" s="101"/>
      <c r="F1580" s="101"/>
      <c r="G1580" s="101"/>
      <c r="H1580" s="101"/>
      <c r="I1580" s="101"/>
    </row>
    <row r="1581" spans="1:9" x14ac:dyDescent="0.2">
      <c r="A1581" s="100"/>
      <c r="B1581" s="102"/>
      <c r="C1581" s="103"/>
      <c r="D1581" s="103"/>
      <c r="E1581" s="103"/>
      <c r="F1581" s="103"/>
      <c r="G1581" s="103"/>
      <c r="H1581" s="103"/>
      <c r="I1581" s="104"/>
    </row>
    <row r="1584" spans="1:9" x14ac:dyDescent="0.2">
      <c r="A1584" s="37" t="str">
        <f>IF(B1584="","","名称")</f>
        <v/>
      </c>
      <c r="B1584" s="84"/>
      <c r="C1584" s="84"/>
      <c r="D1584" s="84"/>
      <c r="E1584" s="84"/>
      <c r="F1584" s="84"/>
      <c r="G1584" s="84"/>
      <c r="H1584" s="84"/>
      <c r="I1584" s="84"/>
    </row>
    <row r="1585" spans="1:9" x14ac:dyDescent="0.2">
      <c r="A1585" s="85" t="str">
        <f>IF(B1584="","","内容")</f>
        <v/>
      </c>
      <c r="B1585" s="87"/>
      <c r="C1585" s="88"/>
      <c r="D1585" s="91"/>
      <c r="E1585" s="91"/>
      <c r="F1585" s="91"/>
      <c r="G1585" s="91"/>
      <c r="H1585" s="91"/>
      <c r="I1585" s="93"/>
    </row>
    <row r="1586" spans="1:9" x14ac:dyDescent="0.2">
      <c r="A1586" s="86"/>
      <c r="B1586" s="89"/>
      <c r="C1586" s="90"/>
      <c r="D1586" s="92"/>
      <c r="E1586" s="92"/>
      <c r="F1586" s="92"/>
      <c r="G1586" s="92"/>
      <c r="H1586" s="92"/>
      <c r="I1586" s="94"/>
    </row>
    <row r="1587" spans="1:9" x14ac:dyDescent="0.2">
      <c r="A1587" s="38" t="str">
        <f>IF(B1584="","","（備考）")</f>
        <v/>
      </c>
      <c r="B1587" s="116"/>
      <c r="C1587" s="97"/>
      <c r="D1587" s="97"/>
      <c r="E1587" s="97"/>
      <c r="F1587" s="97"/>
      <c r="G1587" s="97"/>
      <c r="H1587" s="97"/>
      <c r="I1587" s="98"/>
    </row>
    <row r="1588" spans="1:9" x14ac:dyDescent="0.2">
      <c r="A1588" s="37" t="str">
        <f>IF(B1584="","","連絡先")</f>
        <v/>
      </c>
      <c r="B1588" s="42"/>
      <c r="C1588" s="40"/>
      <c r="D1588" s="40"/>
      <c r="E1588" s="40"/>
      <c r="F1588" s="40"/>
      <c r="G1588" s="40"/>
      <c r="H1588" s="40"/>
      <c r="I1588" s="41"/>
    </row>
    <row r="1589" spans="1:9" x14ac:dyDescent="0.2">
      <c r="A1589" s="99" t="str">
        <f>IF(B1584="","","URL")</f>
        <v/>
      </c>
      <c r="B1589" s="101"/>
      <c r="C1589" s="101"/>
      <c r="D1589" s="101"/>
      <c r="E1589" s="101"/>
      <c r="F1589" s="101"/>
      <c r="G1589" s="101"/>
      <c r="H1589" s="101"/>
      <c r="I1589" s="101"/>
    </row>
    <row r="1590" spans="1:9" x14ac:dyDescent="0.2">
      <c r="A1590" s="100"/>
      <c r="B1590" s="102"/>
      <c r="C1590" s="103"/>
      <c r="D1590" s="103"/>
      <c r="E1590" s="103"/>
      <c r="F1590" s="103"/>
      <c r="G1590" s="103"/>
      <c r="H1590" s="103"/>
      <c r="I1590" s="104"/>
    </row>
    <row r="1594" spans="1:9" ht="13.5" customHeight="1" x14ac:dyDescent="0.2">
      <c r="A1594" s="107" t="s">
        <v>319</v>
      </c>
      <c r="B1594" s="107"/>
      <c r="C1594" s="107"/>
      <c r="D1594" s="107"/>
      <c r="E1594" s="107"/>
      <c r="F1594" s="107"/>
      <c r="G1594" s="107"/>
      <c r="H1594" s="107"/>
      <c r="I1594" s="107"/>
    </row>
    <row r="1595" spans="1:9" ht="13.5" customHeight="1" x14ac:dyDescent="0.2">
      <c r="A1595" s="107"/>
      <c r="B1595" s="107"/>
      <c r="C1595" s="107"/>
      <c r="D1595" s="107"/>
      <c r="E1595" s="107"/>
      <c r="F1595" s="107"/>
      <c r="G1595" s="107"/>
      <c r="H1595" s="107"/>
      <c r="I1595" s="107"/>
    </row>
    <row r="1598" spans="1:9" x14ac:dyDescent="0.2">
      <c r="A1598" s="37" t="str">
        <f>IF(B1598="","","名称")</f>
        <v>名称</v>
      </c>
      <c r="B1598" s="84" t="s">
        <v>320</v>
      </c>
      <c r="C1598" s="84"/>
      <c r="D1598" s="84"/>
      <c r="E1598" s="84"/>
      <c r="F1598" s="84"/>
      <c r="G1598" s="84"/>
      <c r="H1598" s="84"/>
      <c r="I1598" s="84"/>
    </row>
    <row r="1599" spans="1:9" x14ac:dyDescent="0.2">
      <c r="A1599" s="85" t="str">
        <f>IF(B1598="","","内容")</f>
        <v>内容</v>
      </c>
      <c r="B1599" s="87" t="s">
        <v>109</v>
      </c>
      <c r="C1599" s="88"/>
      <c r="D1599" s="91"/>
      <c r="E1599" s="91"/>
      <c r="F1599" s="91"/>
      <c r="G1599" s="91"/>
      <c r="H1599" s="91"/>
      <c r="I1599" s="93"/>
    </row>
    <row r="1600" spans="1:9" x14ac:dyDescent="0.2">
      <c r="A1600" s="86"/>
      <c r="B1600" s="89"/>
      <c r="C1600" s="90"/>
      <c r="D1600" s="92"/>
      <c r="E1600" s="92"/>
      <c r="F1600" s="92"/>
      <c r="G1600" s="92"/>
      <c r="H1600" s="92"/>
      <c r="I1600" s="94"/>
    </row>
    <row r="1601" spans="1:9" x14ac:dyDescent="0.2">
      <c r="A1601" s="38" t="str">
        <f>IF(B1598="","","（備考）")</f>
        <v>（備考）</v>
      </c>
      <c r="B1601" s="108"/>
      <c r="C1601" s="109"/>
      <c r="D1601" s="97"/>
      <c r="E1601" s="97"/>
      <c r="F1601" s="97"/>
      <c r="G1601" s="97"/>
      <c r="H1601" s="97"/>
      <c r="I1601" s="98"/>
    </row>
    <row r="1602" spans="1:9" x14ac:dyDescent="0.2">
      <c r="A1602" s="37" t="str">
        <f>IF(B1598="","","連絡先")</f>
        <v>連絡先</v>
      </c>
      <c r="B1602" s="43" t="s">
        <v>321</v>
      </c>
      <c r="C1602" s="40"/>
      <c r="D1602" s="40" t="s">
        <v>178</v>
      </c>
      <c r="E1602" s="40"/>
      <c r="F1602" s="40"/>
      <c r="G1602" s="40"/>
      <c r="H1602" s="40"/>
      <c r="I1602" s="41"/>
    </row>
    <row r="1603" spans="1:9" x14ac:dyDescent="0.2">
      <c r="A1603" s="99" t="str">
        <f>IF(B1598="","","URL")</f>
        <v>URL</v>
      </c>
      <c r="B1603" s="101" t="s">
        <v>322</v>
      </c>
      <c r="C1603" s="101"/>
      <c r="D1603" s="101"/>
      <c r="E1603" s="101"/>
      <c r="F1603" s="101"/>
      <c r="G1603" s="101"/>
      <c r="H1603" s="101"/>
      <c r="I1603" s="101"/>
    </row>
    <row r="1604" spans="1:9" x14ac:dyDescent="0.2">
      <c r="A1604" s="100"/>
      <c r="B1604" s="102"/>
      <c r="C1604" s="103"/>
      <c r="D1604" s="103"/>
      <c r="E1604" s="103"/>
      <c r="F1604" s="103"/>
      <c r="G1604" s="103"/>
      <c r="H1604" s="103"/>
      <c r="I1604" s="104"/>
    </row>
    <row r="1605" spans="1:9" x14ac:dyDescent="0.2">
      <c r="H1605" s="58"/>
    </row>
    <row r="1607" spans="1:9" x14ac:dyDescent="0.2">
      <c r="A1607" s="37" t="str">
        <f>IF(B1607="","","名称")</f>
        <v>名称</v>
      </c>
      <c r="B1607" s="84" t="s">
        <v>323</v>
      </c>
      <c r="C1607" s="84"/>
      <c r="D1607" s="84"/>
      <c r="E1607" s="84"/>
      <c r="F1607" s="84"/>
      <c r="G1607" s="84"/>
      <c r="H1607" s="84"/>
      <c r="I1607" s="84"/>
    </row>
    <row r="1608" spans="1:9" x14ac:dyDescent="0.2">
      <c r="A1608" s="85" t="str">
        <f>IF(B1607="","","内容")</f>
        <v>内容</v>
      </c>
      <c r="B1608" s="87" t="s">
        <v>120</v>
      </c>
      <c r="C1608" s="88"/>
      <c r="D1608" s="91"/>
      <c r="E1608" s="91"/>
      <c r="F1608" s="91"/>
      <c r="G1608" s="91"/>
      <c r="H1608" s="91"/>
      <c r="I1608" s="93"/>
    </row>
    <row r="1609" spans="1:9" x14ac:dyDescent="0.2">
      <c r="A1609" s="86"/>
      <c r="B1609" s="89"/>
      <c r="C1609" s="90"/>
      <c r="D1609" s="92"/>
      <c r="E1609" s="92"/>
      <c r="F1609" s="92"/>
      <c r="G1609" s="92"/>
      <c r="H1609" s="92"/>
      <c r="I1609" s="94"/>
    </row>
    <row r="1610" spans="1:9" x14ac:dyDescent="0.2">
      <c r="A1610" s="38" t="str">
        <f>IF(B1607="","","（備考）")</f>
        <v>（備考）</v>
      </c>
      <c r="B1610" s="174"/>
      <c r="C1610" s="175"/>
      <c r="D1610" s="97"/>
      <c r="E1610" s="97"/>
      <c r="F1610" s="97"/>
      <c r="G1610" s="97"/>
      <c r="H1610" s="97"/>
      <c r="I1610" s="98"/>
    </row>
    <row r="1611" spans="1:9" x14ac:dyDescent="0.2">
      <c r="A1611" s="37" t="str">
        <f>IF(B1607="","","連絡先")</f>
        <v>連絡先</v>
      </c>
      <c r="B1611" s="43" t="s">
        <v>324</v>
      </c>
      <c r="C1611" s="40"/>
      <c r="D1611" s="40" t="s">
        <v>178</v>
      </c>
      <c r="E1611" s="40"/>
      <c r="F1611" s="40"/>
      <c r="G1611" s="40"/>
      <c r="H1611" s="40"/>
      <c r="I1611" s="41"/>
    </row>
    <row r="1612" spans="1:9" x14ac:dyDescent="0.2">
      <c r="A1612" s="99" t="str">
        <f>IF(B1607="","","URL")</f>
        <v>URL</v>
      </c>
      <c r="B1612" s="101" t="s">
        <v>414</v>
      </c>
      <c r="C1612" s="101"/>
      <c r="D1612" s="101"/>
      <c r="E1612" s="101"/>
      <c r="F1612" s="101"/>
      <c r="G1612" s="101"/>
      <c r="H1612" s="101"/>
      <c r="I1612" s="101"/>
    </row>
    <row r="1613" spans="1:9" x14ac:dyDescent="0.2">
      <c r="A1613" s="100"/>
      <c r="B1613" s="102"/>
      <c r="C1613" s="103"/>
      <c r="D1613" s="103"/>
      <c r="E1613" s="103"/>
      <c r="F1613" s="103"/>
      <c r="G1613" s="103"/>
      <c r="H1613" s="103"/>
      <c r="I1613" s="104"/>
    </row>
    <row r="1616" spans="1:9" x14ac:dyDescent="0.2">
      <c r="A1616" s="37" t="str">
        <f>IF(B1616="","","名称")</f>
        <v/>
      </c>
      <c r="B1616" s="84"/>
      <c r="C1616" s="84"/>
      <c r="D1616" s="84"/>
      <c r="E1616" s="84"/>
      <c r="F1616" s="84"/>
      <c r="G1616" s="84"/>
      <c r="H1616" s="84"/>
      <c r="I1616" s="84"/>
    </row>
    <row r="1617" spans="1:9" x14ac:dyDescent="0.2">
      <c r="A1617" s="85" t="str">
        <f>IF(B1616="","","内容")</f>
        <v/>
      </c>
      <c r="B1617" s="87"/>
      <c r="C1617" s="88"/>
      <c r="D1617" s="91"/>
      <c r="E1617" s="91"/>
      <c r="F1617" s="91"/>
      <c r="G1617" s="91"/>
      <c r="H1617" s="91"/>
      <c r="I1617" s="93"/>
    </row>
    <row r="1618" spans="1:9" x14ac:dyDescent="0.2">
      <c r="A1618" s="86"/>
      <c r="B1618" s="89"/>
      <c r="C1618" s="90"/>
      <c r="D1618" s="92"/>
      <c r="E1618" s="92"/>
      <c r="F1618" s="92"/>
      <c r="G1618" s="92"/>
      <c r="H1618" s="92"/>
      <c r="I1618" s="94"/>
    </row>
    <row r="1619" spans="1:9" x14ac:dyDescent="0.2">
      <c r="A1619" s="38" t="str">
        <f>IF(B1616="","","（備考）")</f>
        <v/>
      </c>
      <c r="B1619" s="116"/>
      <c r="C1619" s="97"/>
      <c r="D1619" s="97"/>
      <c r="E1619" s="97"/>
      <c r="F1619" s="97"/>
      <c r="G1619" s="97"/>
      <c r="H1619" s="97"/>
      <c r="I1619" s="98"/>
    </row>
    <row r="1620" spans="1:9" x14ac:dyDescent="0.2">
      <c r="A1620" s="37" t="str">
        <f>IF(B1616="","","連絡先")</f>
        <v/>
      </c>
      <c r="B1620" s="42"/>
      <c r="C1620" s="40"/>
      <c r="D1620" s="40"/>
      <c r="E1620" s="40"/>
      <c r="F1620" s="40"/>
      <c r="G1620" s="40"/>
      <c r="H1620" s="40"/>
      <c r="I1620" s="41"/>
    </row>
    <row r="1621" spans="1:9" x14ac:dyDescent="0.2">
      <c r="A1621" s="99" t="str">
        <f>IF(B1616="","","URL")</f>
        <v/>
      </c>
      <c r="B1621" s="101"/>
      <c r="C1621" s="101"/>
      <c r="D1621" s="101"/>
      <c r="E1621" s="101"/>
      <c r="F1621" s="101"/>
      <c r="G1621" s="101"/>
      <c r="H1621" s="101"/>
      <c r="I1621" s="101"/>
    </row>
    <row r="1622" spans="1:9" x14ac:dyDescent="0.2">
      <c r="A1622" s="100"/>
      <c r="B1622" s="102"/>
      <c r="C1622" s="103"/>
      <c r="D1622" s="103"/>
      <c r="E1622" s="103"/>
      <c r="F1622" s="103"/>
      <c r="G1622" s="103"/>
      <c r="H1622" s="103"/>
      <c r="I1622" s="104"/>
    </row>
    <row r="1625" spans="1:9" x14ac:dyDescent="0.2">
      <c r="A1625" s="37" t="str">
        <f>IF(B1625="","","名称")</f>
        <v/>
      </c>
      <c r="B1625" s="84"/>
      <c r="C1625" s="84"/>
      <c r="D1625" s="84"/>
      <c r="E1625" s="84"/>
      <c r="F1625" s="84"/>
      <c r="G1625" s="84"/>
      <c r="H1625" s="84"/>
      <c r="I1625" s="84"/>
    </row>
    <row r="1626" spans="1:9" x14ac:dyDescent="0.2">
      <c r="A1626" s="85" t="str">
        <f>IF(B1625="","","内容")</f>
        <v/>
      </c>
      <c r="B1626" s="87"/>
      <c r="C1626" s="88"/>
      <c r="D1626" s="91"/>
      <c r="E1626" s="91"/>
      <c r="F1626" s="91"/>
      <c r="G1626" s="91"/>
      <c r="H1626" s="91"/>
      <c r="I1626" s="93"/>
    </row>
    <row r="1627" spans="1:9" x14ac:dyDescent="0.2">
      <c r="A1627" s="86"/>
      <c r="B1627" s="89"/>
      <c r="C1627" s="90"/>
      <c r="D1627" s="92"/>
      <c r="E1627" s="92"/>
      <c r="F1627" s="92"/>
      <c r="G1627" s="92"/>
      <c r="H1627" s="92"/>
      <c r="I1627" s="94"/>
    </row>
    <row r="1628" spans="1:9" x14ac:dyDescent="0.2">
      <c r="A1628" s="38" t="str">
        <f>IF(B1625="","","（備考）")</f>
        <v/>
      </c>
      <c r="B1628" s="116"/>
      <c r="C1628" s="97"/>
      <c r="D1628" s="97"/>
      <c r="E1628" s="97"/>
      <c r="F1628" s="97"/>
      <c r="G1628" s="97"/>
      <c r="H1628" s="97"/>
      <c r="I1628" s="98"/>
    </row>
    <row r="1629" spans="1:9" x14ac:dyDescent="0.2">
      <c r="A1629" s="37" t="str">
        <f>IF(B1625="","","連絡先")</f>
        <v/>
      </c>
      <c r="B1629" s="42"/>
      <c r="C1629" s="40"/>
      <c r="D1629" s="40"/>
      <c r="E1629" s="40"/>
      <c r="F1629" s="40"/>
      <c r="G1629" s="40"/>
      <c r="H1629" s="40"/>
      <c r="I1629" s="41"/>
    </row>
    <row r="1630" spans="1:9" x14ac:dyDescent="0.2">
      <c r="A1630" s="99" t="str">
        <f>IF(B1625="","","URL")</f>
        <v/>
      </c>
      <c r="B1630" s="101"/>
      <c r="C1630" s="101"/>
      <c r="D1630" s="101"/>
      <c r="E1630" s="101"/>
      <c r="F1630" s="101"/>
      <c r="G1630" s="101"/>
      <c r="H1630" s="101"/>
      <c r="I1630" s="101"/>
    </row>
    <row r="1631" spans="1:9" x14ac:dyDescent="0.2">
      <c r="A1631" s="100"/>
      <c r="B1631" s="102"/>
      <c r="C1631" s="103"/>
      <c r="D1631" s="103"/>
      <c r="E1631" s="103"/>
      <c r="F1631" s="103"/>
      <c r="G1631" s="103"/>
      <c r="H1631" s="103"/>
      <c r="I1631" s="104"/>
    </row>
    <row r="1634" spans="1:9" x14ac:dyDescent="0.2">
      <c r="A1634" s="37" t="str">
        <f>IF(B1634="","","名称")</f>
        <v/>
      </c>
      <c r="B1634" s="84"/>
      <c r="C1634" s="84"/>
      <c r="D1634" s="84"/>
      <c r="E1634" s="84"/>
      <c r="F1634" s="84"/>
      <c r="G1634" s="84"/>
      <c r="H1634" s="84"/>
      <c r="I1634" s="84"/>
    </row>
    <row r="1635" spans="1:9" x14ac:dyDescent="0.2">
      <c r="A1635" s="85" t="str">
        <f>IF(B1634="","","内容")</f>
        <v/>
      </c>
      <c r="B1635" s="87"/>
      <c r="C1635" s="88"/>
      <c r="D1635" s="91"/>
      <c r="E1635" s="91"/>
      <c r="F1635" s="91"/>
      <c r="G1635" s="91"/>
      <c r="H1635" s="91"/>
      <c r="I1635" s="93"/>
    </row>
    <row r="1636" spans="1:9" x14ac:dyDescent="0.2">
      <c r="A1636" s="86"/>
      <c r="B1636" s="89"/>
      <c r="C1636" s="90"/>
      <c r="D1636" s="92"/>
      <c r="E1636" s="92"/>
      <c r="F1636" s="92"/>
      <c r="G1636" s="92"/>
      <c r="H1636" s="92"/>
      <c r="I1636" s="94"/>
    </row>
    <row r="1637" spans="1:9" x14ac:dyDescent="0.2">
      <c r="A1637" s="38" t="str">
        <f>IF(B1634="","","（備考）")</f>
        <v/>
      </c>
      <c r="B1637" s="116"/>
      <c r="C1637" s="97"/>
      <c r="D1637" s="97"/>
      <c r="E1637" s="97"/>
      <c r="F1637" s="97"/>
      <c r="G1637" s="97"/>
      <c r="H1637" s="97"/>
      <c r="I1637" s="98"/>
    </row>
    <row r="1638" spans="1:9" x14ac:dyDescent="0.2">
      <c r="A1638" s="37" t="str">
        <f>IF(B1634="","","連絡先")</f>
        <v/>
      </c>
      <c r="B1638" s="42"/>
      <c r="C1638" s="40"/>
      <c r="D1638" s="40"/>
      <c r="E1638" s="40"/>
      <c r="F1638" s="40"/>
      <c r="G1638" s="40"/>
      <c r="H1638" s="40"/>
      <c r="I1638" s="41"/>
    </row>
    <row r="1639" spans="1:9" x14ac:dyDescent="0.2">
      <c r="A1639" s="99" t="str">
        <f>IF(B1634="","","URL")</f>
        <v/>
      </c>
      <c r="B1639" s="101"/>
      <c r="C1639" s="101"/>
      <c r="D1639" s="101"/>
      <c r="E1639" s="101"/>
      <c r="F1639" s="101"/>
      <c r="G1639" s="101"/>
      <c r="H1639" s="101"/>
      <c r="I1639" s="101"/>
    </row>
    <row r="1640" spans="1:9" x14ac:dyDescent="0.2">
      <c r="A1640" s="100"/>
      <c r="B1640" s="102"/>
      <c r="C1640" s="103"/>
      <c r="D1640" s="103"/>
      <c r="E1640" s="103"/>
      <c r="F1640" s="103"/>
      <c r="G1640" s="103"/>
      <c r="H1640" s="103"/>
      <c r="I1640" s="104"/>
    </row>
    <row r="1643" spans="1:9" x14ac:dyDescent="0.2">
      <c r="A1643" s="37" t="str">
        <f>IF(B1643="","","名称")</f>
        <v/>
      </c>
      <c r="B1643" s="84"/>
      <c r="C1643" s="84"/>
      <c r="D1643" s="84"/>
      <c r="E1643" s="84"/>
      <c r="F1643" s="84"/>
      <c r="G1643" s="84"/>
      <c r="H1643" s="84"/>
      <c r="I1643" s="84"/>
    </row>
    <row r="1644" spans="1:9" x14ac:dyDescent="0.2">
      <c r="A1644" s="85" t="str">
        <f>IF(B1643="","","内容")</f>
        <v/>
      </c>
      <c r="B1644" s="87"/>
      <c r="C1644" s="88"/>
      <c r="D1644" s="91"/>
      <c r="E1644" s="91"/>
      <c r="F1644" s="91"/>
      <c r="G1644" s="91"/>
      <c r="H1644" s="91"/>
      <c r="I1644" s="93"/>
    </row>
    <row r="1645" spans="1:9" x14ac:dyDescent="0.2">
      <c r="A1645" s="86"/>
      <c r="B1645" s="89"/>
      <c r="C1645" s="90"/>
      <c r="D1645" s="92"/>
      <c r="E1645" s="92"/>
      <c r="F1645" s="92"/>
      <c r="G1645" s="92"/>
      <c r="H1645" s="92"/>
      <c r="I1645" s="94"/>
    </row>
    <row r="1646" spans="1:9" x14ac:dyDescent="0.2">
      <c r="A1646" s="38" t="str">
        <f>IF(B1643="","","（備考）")</f>
        <v/>
      </c>
      <c r="B1646" s="116"/>
      <c r="C1646" s="97"/>
      <c r="D1646" s="97"/>
      <c r="E1646" s="97"/>
      <c r="F1646" s="97"/>
      <c r="G1646" s="97"/>
      <c r="H1646" s="97"/>
      <c r="I1646" s="98"/>
    </row>
    <row r="1647" spans="1:9" x14ac:dyDescent="0.2">
      <c r="A1647" s="37" t="str">
        <f>IF(B1643="","","連絡先")</f>
        <v/>
      </c>
      <c r="B1647" s="42"/>
      <c r="C1647" s="40"/>
      <c r="D1647" s="40"/>
      <c r="E1647" s="40"/>
      <c r="F1647" s="40"/>
      <c r="G1647" s="40"/>
      <c r="H1647" s="40"/>
      <c r="I1647" s="41"/>
    </row>
    <row r="1648" spans="1:9" x14ac:dyDescent="0.2">
      <c r="A1648" s="99" t="str">
        <f>IF(B1643="","","URL")</f>
        <v/>
      </c>
      <c r="B1648" s="101"/>
      <c r="C1648" s="101"/>
      <c r="D1648" s="101"/>
      <c r="E1648" s="101"/>
      <c r="F1648" s="101"/>
      <c r="G1648" s="101"/>
      <c r="H1648" s="101"/>
      <c r="I1648" s="101"/>
    </row>
    <row r="1649" spans="1:9" x14ac:dyDescent="0.2">
      <c r="A1649" s="100"/>
      <c r="B1649" s="102"/>
      <c r="C1649" s="103"/>
      <c r="D1649" s="103"/>
      <c r="E1649" s="103"/>
      <c r="F1649" s="103"/>
      <c r="G1649" s="103"/>
      <c r="H1649" s="103"/>
      <c r="I1649" s="104"/>
    </row>
    <row r="1653" spans="1:9" ht="13.5" customHeight="1" x14ac:dyDescent="0.2">
      <c r="A1653" s="107" t="s">
        <v>325</v>
      </c>
      <c r="B1653" s="107"/>
      <c r="C1653" s="107"/>
      <c r="D1653" s="107"/>
      <c r="E1653" s="107"/>
      <c r="F1653" s="107"/>
      <c r="G1653" s="107"/>
      <c r="H1653" s="107"/>
      <c r="I1653" s="107"/>
    </row>
    <row r="1654" spans="1:9" ht="13.5" customHeight="1" x14ac:dyDescent="0.2">
      <c r="A1654" s="107"/>
      <c r="B1654" s="107"/>
      <c r="C1654" s="107"/>
      <c r="D1654" s="107"/>
      <c r="E1654" s="107"/>
      <c r="F1654" s="107"/>
      <c r="G1654" s="107"/>
      <c r="H1654" s="107"/>
      <c r="I1654" s="107"/>
    </row>
    <row r="1657" spans="1:9" x14ac:dyDescent="0.2">
      <c r="A1657" s="37" t="str">
        <f>IF(B1657="","","名称")</f>
        <v>名称</v>
      </c>
      <c r="B1657" s="84" t="s">
        <v>326</v>
      </c>
      <c r="C1657" s="84"/>
      <c r="D1657" s="84"/>
      <c r="E1657" s="84"/>
      <c r="F1657" s="84"/>
      <c r="G1657" s="84"/>
      <c r="H1657" s="84"/>
      <c r="I1657" s="84"/>
    </row>
    <row r="1658" spans="1:9" x14ac:dyDescent="0.2">
      <c r="A1658" s="85" t="str">
        <f>IF(B1657="","","内容")</f>
        <v>内容</v>
      </c>
      <c r="B1658" s="87" t="s">
        <v>120</v>
      </c>
      <c r="C1658" s="88"/>
      <c r="D1658" s="91" t="s">
        <v>110</v>
      </c>
      <c r="E1658" s="91"/>
      <c r="F1658" s="91" t="s">
        <v>111</v>
      </c>
      <c r="G1658" s="91"/>
      <c r="H1658" s="91"/>
      <c r="I1658" s="93"/>
    </row>
    <row r="1659" spans="1:9" x14ac:dyDescent="0.2">
      <c r="A1659" s="86"/>
      <c r="B1659" s="89"/>
      <c r="C1659" s="90"/>
      <c r="D1659" s="92"/>
      <c r="E1659" s="92"/>
      <c r="F1659" s="92"/>
      <c r="G1659" s="92"/>
      <c r="H1659" s="92"/>
      <c r="I1659" s="94"/>
    </row>
    <row r="1660" spans="1:9" x14ac:dyDescent="0.2">
      <c r="A1660" s="38" t="str">
        <f>IF(B1657="","","（備考）")</f>
        <v>（備考）</v>
      </c>
      <c r="B1660" s="174"/>
      <c r="C1660" s="175"/>
      <c r="D1660" s="117"/>
      <c r="E1660" s="117"/>
      <c r="F1660" s="96" t="s">
        <v>327</v>
      </c>
      <c r="G1660" s="96"/>
      <c r="H1660" s="97"/>
      <c r="I1660" s="98"/>
    </row>
    <row r="1661" spans="1:9" x14ac:dyDescent="0.2">
      <c r="A1661" s="37" t="str">
        <f>IF(B1657="","","連絡先")</f>
        <v>連絡先</v>
      </c>
      <c r="B1661" s="43" t="s">
        <v>328</v>
      </c>
      <c r="C1661" s="40"/>
      <c r="D1661" s="40" t="s">
        <v>106</v>
      </c>
      <c r="E1661" s="40"/>
      <c r="F1661" s="40"/>
      <c r="G1661" s="40"/>
      <c r="H1661" s="40"/>
      <c r="I1661" s="41"/>
    </row>
    <row r="1662" spans="1:9" x14ac:dyDescent="0.2">
      <c r="A1662" s="99" t="str">
        <f>IF(B1657="","","URL")</f>
        <v>URL</v>
      </c>
      <c r="B1662" s="101" t="s">
        <v>329</v>
      </c>
      <c r="C1662" s="101"/>
      <c r="D1662" s="101"/>
      <c r="E1662" s="101"/>
      <c r="F1662" s="101"/>
      <c r="G1662" s="101"/>
      <c r="H1662" s="101"/>
      <c r="I1662" s="101"/>
    </row>
    <row r="1663" spans="1:9" x14ac:dyDescent="0.2">
      <c r="A1663" s="100"/>
      <c r="B1663" s="102"/>
      <c r="C1663" s="103"/>
      <c r="D1663" s="103"/>
      <c r="E1663" s="103"/>
      <c r="F1663" s="103"/>
      <c r="G1663" s="103"/>
      <c r="H1663" s="103"/>
      <c r="I1663" s="104"/>
    </row>
    <row r="1666" spans="1:9" x14ac:dyDescent="0.2">
      <c r="A1666" s="37" t="str">
        <f>IF(B1666="","","名称")</f>
        <v>名称</v>
      </c>
      <c r="B1666" s="84" t="s">
        <v>391</v>
      </c>
      <c r="C1666" s="84"/>
      <c r="D1666" s="84"/>
      <c r="E1666" s="84"/>
      <c r="F1666" s="84"/>
      <c r="G1666" s="84"/>
      <c r="H1666" s="84"/>
      <c r="I1666" s="84"/>
    </row>
    <row r="1667" spans="1:9" x14ac:dyDescent="0.2">
      <c r="A1667" s="85" t="str">
        <f>IF(B1666="","","内容")</f>
        <v>内容</v>
      </c>
      <c r="B1667" s="87" t="s">
        <v>109</v>
      </c>
      <c r="C1667" s="88"/>
      <c r="D1667" s="91"/>
      <c r="E1667" s="91"/>
      <c r="F1667" s="91"/>
      <c r="G1667" s="91"/>
      <c r="H1667" s="91"/>
      <c r="I1667" s="93"/>
    </row>
    <row r="1668" spans="1:9" x14ac:dyDescent="0.2">
      <c r="A1668" s="86"/>
      <c r="B1668" s="89"/>
      <c r="C1668" s="90"/>
      <c r="D1668" s="92"/>
      <c r="E1668" s="92"/>
      <c r="F1668" s="92"/>
      <c r="G1668" s="92"/>
      <c r="H1668" s="92"/>
      <c r="I1668" s="94"/>
    </row>
    <row r="1669" spans="1:9" x14ac:dyDescent="0.2">
      <c r="A1669" s="38" t="str">
        <f>IF(B1666="","","（備考）")</f>
        <v>（備考）</v>
      </c>
      <c r="B1669" s="108"/>
      <c r="C1669" s="109"/>
      <c r="D1669" s="97"/>
      <c r="E1669" s="97"/>
      <c r="F1669" s="97"/>
      <c r="G1669" s="97"/>
      <c r="H1669" s="97"/>
      <c r="I1669" s="98"/>
    </row>
    <row r="1670" spans="1:9" x14ac:dyDescent="0.2">
      <c r="A1670" s="37" t="str">
        <f>IF(B1666="","","連絡先")</f>
        <v>連絡先</v>
      </c>
      <c r="B1670" s="43" t="s">
        <v>330</v>
      </c>
      <c r="C1670" s="40"/>
      <c r="D1670" s="40" t="s">
        <v>106</v>
      </c>
      <c r="E1670" s="40"/>
      <c r="F1670" s="40"/>
      <c r="G1670" s="40"/>
      <c r="H1670" s="40"/>
      <c r="I1670" s="41"/>
    </row>
    <row r="1671" spans="1:9" x14ac:dyDescent="0.2">
      <c r="A1671" s="99" t="str">
        <f>IF(B1666="","","URL")</f>
        <v>URL</v>
      </c>
      <c r="B1671" s="101" t="s">
        <v>331</v>
      </c>
      <c r="C1671" s="101"/>
      <c r="D1671" s="101"/>
      <c r="E1671" s="101"/>
      <c r="F1671" s="101"/>
      <c r="G1671" s="101"/>
      <c r="H1671" s="101"/>
      <c r="I1671" s="101"/>
    </row>
    <row r="1672" spans="1:9" x14ac:dyDescent="0.2">
      <c r="A1672" s="100"/>
      <c r="B1672" s="102"/>
      <c r="C1672" s="103"/>
      <c r="D1672" s="103"/>
      <c r="E1672" s="103"/>
      <c r="F1672" s="103"/>
      <c r="G1672" s="103"/>
      <c r="H1672" s="103"/>
      <c r="I1672" s="104"/>
    </row>
    <row r="1675" spans="1:9" x14ac:dyDescent="0.2">
      <c r="A1675" s="37" t="str">
        <f>IF(B1675="","","名称")</f>
        <v/>
      </c>
      <c r="B1675" s="84"/>
      <c r="C1675" s="84"/>
      <c r="D1675" s="84"/>
      <c r="E1675" s="84"/>
      <c r="F1675" s="84"/>
      <c r="G1675" s="84"/>
      <c r="H1675" s="84"/>
      <c r="I1675" s="84"/>
    </row>
    <row r="1676" spans="1:9" x14ac:dyDescent="0.2">
      <c r="A1676" s="85" t="str">
        <f>IF(B1675="","","内容")</f>
        <v/>
      </c>
      <c r="B1676" s="87"/>
      <c r="C1676" s="88"/>
      <c r="D1676" s="91"/>
      <c r="E1676" s="91"/>
      <c r="F1676" s="91"/>
      <c r="G1676" s="91"/>
      <c r="H1676" s="91"/>
      <c r="I1676" s="93"/>
    </row>
    <row r="1677" spans="1:9" x14ac:dyDescent="0.2">
      <c r="A1677" s="86"/>
      <c r="B1677" s="89"/>
      <c r="C1677" s="90"/>
      <c r="D1677" s="92"/>
      <c r="E1677" s="92"/>
      <c r="F1677" s="92"/>
      <c r="G1677" s="92"/>
      <c r="H1677" s="92"/>
      <c r="I1677" s="94"/>
    </row>
    <row r="1678" spans="1:9" x14ac:dyDescent="0.2">
      <c r="A1678" s="38" t="str">
        <f>IF(B1675="","","（備考）")</f>
        <v/>
      </c>
      <c r="B1678" s="116"/>
      <c r="C1678" s="97"/>
      <c r="D1678" s="97"/>
      <c r="E1678" s="97"/>
      <c r="F1678" s="97"/>
      <c r="G1678" s="97"/>
      <c r="H1678" s="97"/>
      <c r="I1678" s="98"/>
    </row>
    <row r="1679" spans="1:9" x14ac:dyDescent="0.2">
      <c r="A1679" s="37" t="str">
        <f>IF(B1675="","","連絡先")</f>
        <v/>
      </c>
      <c r="B1679" s="42"/>
      <c r="C1679" s="40"/>
      <c r="D1679" s="40"/>
      <c r="E1679" s="40"/>
      <c r="F1679" s="40"/>
      <c r="G1679" s="40"/>
      <c r="H1679" s="40"/>
      <c r="I1679" s="41"/>
    </row>
    <row r="1680" spans="1:9" x14ac:dyDescent="0.2">
      <c r="A1680" s="99" t="str">
        <f>IF(B1675="","","URL")</f>
        <v/>
      </c>
      <c r="B1680" s="101"/>
      <c r="C1680" s="101"/>
      <c r="D1680" s="101"/>
      <c r="E1680" s="101"/>
      <c r="F1680" s="101"/>
      <c r="G1680" s="101"/>
      <c r="H1680" s="101"/>
      <c r="I1680" s="101"/>
    </row>
    <row r="1681" spans="1:9" x14ac:dyDescent="0.2">
      <c r="A1681" s="100"/>
      <c r="B1681" s="102"/>
      <c r="C1681" s="103"/>
      <c r="D1681" s="103"/>
      <c r="E1681" s="103"/>
      <c r="F1681" s="103"/>
      <c r="G1681" s="103"/>
      <c r="H1681" s="103"/>
      <c r="I1681" s="104"/>
    </row>
    <row r="1684" spans="1:9" x14ac:dyDescent="0.2">
      <c r="A1684" s="37" t="str">
        <f>IF(B1684="","","名称")</f>
        <v/>
      </c>
      <c r="B1684" s="84"/>
      <c r="C1684" s="84"/>
      <c r="D1684" s="84"/>
      <c r="E1684" s="84"/>
      <c r="F1684" s="84"/>
      <c r="G1684" s="84"/>
      <c r="H1684" s="84"/>
      <c r="I1684" s="84"/>
    </row>
    <row r="1685" spans="1:9" x14ac:dyDescent="0.2">
      <c r="A1685" s="85" t="str">
        <f>IF(B1684="","","内容")</f>
        <v/>
      </c>
      <c r="B1685" s="87"/>
      <c r="C1685" s="88"/>
      <c r="D1685" s="91"/>
      <c r="E1685" s="91"/>
      <c r="F1685" s="91"/>
      <c r="G1685" s="91"/>
      <c r="H1685" s="91"/>
      <c r="I1685" s="93"/>
    </row>
    <row r="1686" spans="1:9" x14ac:dyDescent="0.2">
      <c r="A1686" s="86"/>
      <c r="B1686" s="89"/>
      <c r="C1686" s="90"/>
      <c r="D1686" s="92"/>
      <c r="E1686" s="92"/>
      <c r="F1686" s="92"/>
      <c r="G1686" s="92"/>
      <c r="H1686" s="92"/>
      <c r="I1686" s="94"/>
    </row>
    <row r="1687" spans="1:9" x14ac:dyDescent="0.2">
      <c r="A1687" s="38" t="str">
        <f>IF(B1684="","","（備考）")</f>
        <v/>
      </c>
      <c r="B1687" s="116"/>
      <c r="C1687" s="97"/>
      <c r="D1687" s="97"/>
      <c r="E1687" s="97"/>
      <c r="F1687" s="97"/>
      <c r="G1687" s="97"/>
      <c r="H1687" s="97"/>
      <c r="I1687" s="98"/>
    </row>
    <row r="1688" spans="1:9" x14ac:dyDescent="0.2">
      <c r="A1688" s="37" t="str">
        <f>IF(B1684="","","連絡先")</f>
        <v/>
      </c>
      <c r="B1688" s="42"/>
      <c r="C1688" s="40"/>
      <c r="D1688" s="40"/>
      <c r="E1688" s="40"/>
      <c r="F1688" s="40"/>
      <c r="G1688" s="40"/>
      <c r="H1688" s="40"/>
      <c r="I1688" s="41"/>
    </row>
    <row r="1689" spans="1:9" x14ac:dyDescent="0.2">
      <c r="A1689" s="99" t="str">
        <f>IF(B1684="","","URL")</f>
        <v/>
      </c>
      <c r="B1689" s="101"/>
      <c r="C1689" s="101"/>
      <c r="D1689" s="101"/>
      <c r="E1689" s="101"/>
      <c r="F1689" s="101"/>
      <c r="G1689" s="101"/>
      <c r="H1689" s="101"/>
      <c r="I1689" s="101"/>
    </row>
    <row r="1690" spans="1:9" x14ac:dyDescent="0.2">
      <c r="A1690" s="100"/>
      <c r="B1690" s="102"/>
      <c r="C1690" s="103"/>
      <c r="D1690" s="103"/>
      <c r="E1690" s="103"/>
      <c r="F1690" s="103"/>
      <c r="G1690" s="103"/>
      <c r="H1690" s="103"/>
      <c r="I1690" s="104"/>
    </row>
    <row r="1693" spans="1:9" x14ac:dyDescent="0.2">
      <c r="A1693" s="37" t="str">
        <f>IF(B1693="","","名称")</f>
        <v/>
      </c>
      <c r="B1693" s="84"/>
      <c r="C1693" s="84"/>
      <c r="D1693" s="84"/>
      <c r="E1693" s="84"/>
      <c r="F1693" s="84"/>
      <c r="G1693" s="84"/>
      <c r="H1693" s="84"/>
      <c r="I1693" s="84"/>
    </row>
    <row r="1694" spans="1:9" x14ac:dyDescent="0.2">
      <c r="A1694" s="85" t="str">
        <f>IF(B1693="","","内容")</f>
        <v/>
      </c>
      <c r="B1694" s="87"/>
      <c r="C1694" s="88"/>
      <c r="D1694" s="91"/>
      <c r="E1694" s="91"/>
      <c r="F1694" s="91"/>
      <c r="G1694" s="91"/>
      <c r="H1694" s="91"/>
      <c r="I1694" s="93"/>
    </row>
    <row r="1695" spans="1:9" x14ac:dyDescent="0.2">
      <c r="A1695" s="86"/>
      <c r="B1695" s="89"/>
      <c r="C1695" s="90"/>
      <c r="D1695" s="92"/>
      <c r="E1695" s="92"/>
      <c r="F1695" s="92"/>
      <c r="G1695" s="92"/>
      <c r="H1695" s="92"/>
      <c r="I1695" s="94"/>
    </row>
    <row r="1696" spans="1:9" x14ac:dyDescent="0.2">
      <c r="A1696" s="38" t="str">
        <f>IF(B1693="","","（備考）")</f>
        <v/>
      </c>
      <c r="B1696" s="116"/>
      <c r="C1696" s="97"/>
      <c r="D1696" s="97"/>
      <c r="E1696" s="97"/>
      <c r="F1696" s="97"/>
      <c r="G1696" s="97"/>
      <c r="H1696" s="97"/>
      <c r="I1696" s="98"/>
    </row>
    <row r="1697" spans="1:9" x14ac:dyDescent="0.2">
      <c r="A1697" s="37" t="str">
        <f>IF(B1693="","","連絡先")</f>
        <v/>
      </c>
      <c r="B1697" s="42"/>
      <c r="C1697" s="40"/>
      <c r="D1697" s="40"/>
      <c r="E1697" s="40"/>
      <c r="F1697" s="40"/>
      <c r="G1697" s="40"/>
      <c r="H1697" s="40"/>
      <c r="I1697" s="41"/>
    </row>
    <row r="1698" spans="1:9" x14ac:dyDescent="0.2">
      <c r="A1698" s="99" t="str">
        <f>IF(B1693="","","URL")</f>
        <v/>
      </c>
      <c r="B1698" s="101"/>
      <c r="C1698" s="101"/>
      <c r="D1698" s="101"/>
      <c r="E1698" s="101"/>
      <c r="F1698" s="101"/>
      <c r="G1698" s="101"/>
      <c r="H1698" s="101"/>
      <c r="I1698" s="101"/>
    </row>
    <row r="1699" spans="1:9" x14ac:dyDescent="0.2">
      <c r="A1699" s="100"/>
      <c r="B1699" s="102"/>
      <c r="C1699" s="103"/>
      <c r="D1699" s="103"/>
      <c r="E1699" s="103"/>
      <c r="F1699" s="103"/>
      <c r="G1699" s="103"/>
      <c r="H1699" s="103"/>
      <c r="I1699" s="104"/>
    </row>
    <row r="1702" spans="1:9" x14ac:dyDescent="0.2">
      <c r="A1702" s="37" t="str">
        <f>IF(B1702="","","名称")</f>
        <v/>
      </c>
      <c r="B1702" s="84"/>
      <c r="C1702" s="84"/>
      <c r="D1702" s="84"/>
      <c r="E1702" s="84"/>
      <c r="F1702" s="84"/>
      <c r="G1702" s="84"/>
      <c r="H1702" s="84"/>
      <c r="I1702" s="84"/>
    </row>
    <row r="1703" spans="1:9" x14ac:dyDescent="0.2">
      <c r="A1703" s="85" t="str">
        <f>IF(B1702="","","内容")</f>
        <v/>
      </c>
      <c r="B1703" s="87"/>
      <c r="C1703" s="88"/>
      <c r="D1703" s="91"/>
      <c r="E1703" s="91"/>
      <c r="F1703" s="91"/>
      <c r="G1703" s="91"/>
      <c r="H1703" s="91"/>
      <c r="I1703" s="93"/>
    </row>
    <row r="1704" spans="1:9" x14ac:dyDescent="0.2">
      <c r="A1704" s="86"/>
      <c r="B1704" s="89"/>
      <c r="C1704" s="90"/>
      <c r="D1704" s="92"/>
      <c r="E1704" s="92"/>
      <c r="F1704" s="92"/>
      <c r="G1704" s="92"/>
      <c r="H1704" s="92"/>
      <c r="I1704" s="94"/>
    </row>
    <row r="1705" spans="1:9" x14ac:dyDescent="0.2">
      <c r="A1705" s="38" t="str">
        <f>IF(B1702="","","（備考）")</f>
        <v/>
      </c>
      <c r="B1705" s="116"/>
      <c r="C1705" s="97"/>
      <c r="D1705" s="97"/>
      <c r="E1705" s="97"/>
      <c r="F1705" s="97"/>
      <c r="G1705" s="97"/>
      <c r="H1705" s="97"/>
      <c r="I1705" s="98"/>
    </row>
    <row r="1706" spans="1:9" x14ac:dyDescent="0.2">
      <c r="A1706" s="37" t="str">
        <f>IF(B1702="","","連絡先")</f>
        <v/>
      </c>
      <c r="B1706" s="42"/>
      <c r="C1706" s="40"/>
      <c r="D1706" s="40"/>
      <c r="E1706" s="40"/>
      <c r="F1706" s="40"/>
      <c r="G1706" s="40"/>
      <c r="H1706" s="40"/>
      <c r="I1706" s="41"/>
    </row>
    <row r="1707" spans="1:9" x14ac:dyDescent="0.2">
      <c r="A1707" s="99" t="str">
        <f>IF(B1702="","","URL")</f>
        <v/>
      </c>
      <c r="B1707" s="101"/>
      <c r="C1707" s="101"/>
      <c r="D1707" s="101"/>
      <c r="E1707" s="101"/>
      <c r="F1707" s="101"/>
      <c r="G1707" s="101"/>
      <c r="H1707" s="101"/>
      <c r="I1707" s="101"/>
    </row>
    <row r="1708" spans="1:9" x14ac:dyDescent="0.2">
      <c r="A1708" s="100"/>
      <c r="B1708" s="102"/>
      <c r="C1708" s="103"/>
      <c r="D1708" s="103"/>
      <c r="E1708" s="103"/>
      <c r="F1708" s="103"/>
      <c r="G1708" s="103"/>
      <c r="H1708" s="103"/>
      <c r="I1708" s="104"/>
    </row>
    <row r="1712" spans="1:9" ht="13.5" customHeight="1" x14ac:dyDescent="0.2">
      <c r="A1712" s="107" t="s">
        <v>332</v>
      </c>
      <c r="B1712" s="107"/>
      <c r="C1712" s="107"/>
      <c r="D1712" s="107"/>
      <c r="E1712" s="107"/>
      <c r="F1712" s="107"/>
      <c r="G1712" s="107"/>
      <c r="H1712" s="107"/>
      <c r="I1712" s="107"/>
    </row>
    <row r="1713" spans="1:9" ht="13.5" customHeight="1" x14ac:dyDescent="0.2">
      <c r="A1713" s="107"/>
      <c r="B1713" s="107"/>
      <c r="C1713" s="107"/>
      <c r="D1713" s="107"/>
      <c r="E1713" s="107"/>
      <c r="F1713" s="107"/>
      <c r="G1713" s="107"/>
      <c r="H1713" s="107"/>
      <c r="I1713" s="107"/>
    </row>
    <row r="1716" spans="1:9" x14ac:dyDescent="0.2">
      <c r="A1716" s="37" t="str">
        <f>IF(B1716="","","名称")</f>
        <v>名称</v>
      </c>
      <c r="B1716" s="84" t="s">
        <v>391</v>
      </c>
      <c r="C1716" s="84"/>
      <c r="D1716" s="84"/>
      <c r="E1716" s="84"/>
      <c r="F1716" s="84"/>
      <c r="G1716" s="84"/>
      <c r="H1716" s="84"/>
      <c r="I1716" s="84"/>
    </row>
    <row r="1717" spans="1:9" x14ac:dyDescent="0.2">
      <c r="A1717" s="85" t="str">
        <f>IF(B1716="","","内容")</f>
        <v>内容</v>
      </c>
      <c r="B1717" s="87" t="s">
        <v>109</v>
      </c>
      <c r="C1717" s="88"/>
      <c r="D1717" s="91"/>
      <c r="E1717" s="91"/>
      <c r="F1717" s="91"/>
      <c r="G1717" s="91"/>
      <c r="H1717" s="91"/>
      <c r="I1717" s="93"/>
    </row>
    <row r="1718" spans="1:9" x14ac:dyDescent="0.2">
      <c r="A1718" s="86"/>
      <c r="B1718" s="89"/>
      <c r="C1718" s="90"/>
      <c r="D1718" s="92"/>
      <c r="E1718" s="92"/>
      <c r="F1718" s="92"/>
      <c r="G1718" s="92"/>
      <c r="H1718" s="92"/>
      <c r="I1718" s="94"/>
    </row>
    <row r="1719" spans="1:9" x14ac:dyDescent="0.2">
      <c r="A1719" s="38" t="str">
        <f>IF(B1716="","","（備考）")</f>
        <v>（備考）</v>
      </c>
      <c r="B1719" s="108"/>
      <c r="C1719" s="109"/>
      <c r="D1719" s="97"/>
      <c r="E1719" s="97"/>
      <c r="F1719" s="97"/>
      <c r="G1719" s="97"/>
      <c r="H1719" s="97"/>
      <c r="I1719" s="98"/>
    </row>
    <row r="1720" spans="1:9" x14ac:dyDescent="0.2">
      <c r="A1720" s="37" t="str">
        <f>IF(B1716="","","連絡先")</f>
        <v>連絡先</v>
      </c>
      <c r="B1720" s="43" t="s">
        <v>333</v>
      </c>
      <c r="C1720" s="40"/>
      <c r="D1720" s="40" t="s">
        <v>106</v>
      </c>
      <c r="E1720" s="40"/>
      <c r="F1720" s="40"/>
      <c r="G1720" s="40"/>
      <c r="H1720" s="40"/>
      <c r="I1720" s="41"/>
    </row>
    <row r="1721" spans="1:9" x14ac:dyDescent="0.2">
      <c r="A1721" s="99" t="str">
        <f>IF(B1716="","","URL")</f>
        <v>URL</v>
      </c>
      <c r="B1721" s="101" t="s">
        <v>334</v>
      </c>
      <c r="C1721" s="101"/>
      <c r="D1721" s="101"/>
      <c r="E1721" s="101"/>
      <c r="F1721" s="101"/>
      <c r="G1721" s="101"/>
      <c r="H1721" s="101"/>
      <c r="I1721" s="101"/>
    </row>
    <row r="1722" spans="1:9" x14ac:dyDescent="0.2">
      <c r="A1722" s="100"/>
      <c r="B1722" s="102"/>
      <c r="C1722" s="103"/>
      <c r="D1722" s="103"/>
      <c r="E1722" s="103"/>
      <c r="F1722" s="103"/>
      <c r="G1722" s="103"/>
      <c r="H1722" s="103"/>
      <c r="I1722" s="104"/>
    </row>
    <row r="1725" spans="1:9" x14ac:dyDescent="0.2">
      <c r="A1725" s="37" t="str">
        <f>IF(B1725="","","名称")</f>
        <v>名称</v>
      </c>
      <c r="B1725" s="84" t="s">
        <v>427</v>
      </c>
      <c r="C1725" s="84"/>
      <c r="D1725" s="84"/>
      <c r="E1725" s="84"/>
      <c r="F1725" s="84"/>
      <c r="G1725" s="84"/>
      <c r="H1725" s="84"/>
      <c r="I1725" s="84"/>
    </row>
    <row r="1726" spans="1:9" x14ac:dyDescent="0.2">
      <c r="A1726" s="85" t="str">
        <f>IF(B1725="","","内容")</f>
        <v>内容</v>
      </c>
      <c r="B1726" s="87" t="s">
        <v>120</v>
      </c>
      <c r="C1726" s="88"/>
      <c r="D1726" s="91" t="s">
        <v>111</v>
      </c>
      <c r="E1726" s="91"/>
      <c r="F1726" s="91"/>
      <c r="G1726" s="91"/>
      <c r="H1726" s="91"/>
      <c r="I1726" s="93"/>
    </row>
    <row r="1727" spans="1:9" x14ac:dyDescent="0.2">
      <c r="A1727" s="86"/>
      <c r="B1727" s="89"/>
      <c r="C1727" s="90"/>
      <c r="D1727" s="92"/>
      <c r="E1727" s="92"/>
      <c r="F1727" s="92"/>
      <c r="G1727" s="92"/>
      <c r="H1727" s="92"/>
      <c r="I1727" s="94"/>
    </row>
    <row r="1728" spans="1:9" x14ac:dyDescent="0.2">
      <c r="A1728" s="38" t="str">
        <f>IF(B1725="","","（備考）")</f>
        <v>（備考）</v>
      </c>
      <c r="B1728" s="174" t="s">
        <v>415</v>
      </c>
      <c r="C1728" s="175"/>
      <c r="D1728" s="96" t="s">
        <v>335</v>
      </c>
      <c r="E1728" s="96"/>
      <c r="F1728" s="97"/>
      <c r="G1728" s="97"/>
      <c r="H1728" s="97"/>
      <c r="I1728" s="98"/>
    </row>
    <row r="1729" spans="1:9" x14ac:dyDescent="0.2">
      <c r="A1729" s="37" t="str">
        <f>IF(B1725="","","連絡先")</f>
        <v>連絡先</v>
      </c>
      <c r="B1729" s="43" t="s">
        <v>336</v>
      </c>
      <c r="C1729" s="40"/>
      <c r="D1729" s="40" t="s">
        <v>337</v>
      </c>
      <c r="E1729" s="40"/>
      <c r="F1729" s="40"/>
      <c r="G1729" s="40"/>
      <c r="H1729" s="40"/>
      <c r="I1729" s="41"/>
    </row>
    <row r="1730" spans="1:9" x14ac:dyDescent="0.2">
      <c r="A1730" s="99" t="str">
        <f>IF(B1725="","","URL")</f>
        <v>URL</v>
      </c>
      <c r="B1730" s="101" t="s">
        <v>338</v>
      </c>
      <c r="C1730" s="101"/>
      <c r="D1730" s="101"/>
      <c r="E1730" s="101"/>
      <c r="F1730" s="101"/>
      <c r="G1730" s="101"/>
      <c r="H1730" s="101"/>
      <c r="I1730" s="101"/>
    </row>
    <row r="1731" spans="1:9" x14ac:dyDescent="0.2">
      <c r="A1731" s="100"/>
      <c r="B1731" s="102"/>
      <c r="C1731" s="103"/>
      <c r="D1731" s="103"/>
      <c r="E1731" s="103"/>
      <c r="F1731" s="103"/>
      <c r="G1731" s="103"/>
      <c r="H1731" s="103"/>
      <c r="I1731" s="104"/>
    </row>
    <row r="1734" spans="1:9" x14ac:dyDescent="0.2">
      <c r="A1734" s="37" t="str">
        <f>IF(B1734="","","名称")</f>
        <v/>
      </c>
      <c r="B1734" s="84"/>
      <c r="C1734" s="84"/>
      <c r="D1734" s="84"/>
      <c r="E1734" s="84"/>
      <c r="F1734" s="84"/>
      <c r="G1734" s="84"/>
      <c r="H1734" s="84"/>
      <c r="I1734" s="84"/>
    </row>
    <row r="1735" spans="1:9" x14ac:dyDescent="0.2">
      <c r="A1735" s="85" t="str">
        <f>IF(B1734="","","内容")</f>
        <v/>
      </c>
      <c r="B1735" s="87"/>
      <c r="C1735" s="88"/>
      <c r="D1735" s="91"/>
      <c r="E1735" s="91"/>
      <c r="F1735" s="91"/>
      <c r="G1735" s="91"/>
      <c r="H1735" s="91"/>
      <c r="I1735" s="93"/>
    </row>
    <row r="1736" spans="1:9" x14ac:dyDescent="0.2">
      <c r="A1736" s="86"/>
      <c r="B1736" s="89"/>
      <c r="C1736" s="90"/>
      <c r="D1736" s="92"/>
      <c r="E1736" s="92"/>
      <c r="F1736" s="92"/>
      <c r="G1736" s="92"/>
      <c r="H1736" s="92"/>
      <c r="I1736" s="94"/>
    </row>
    <row r="1737" spans="1:9" x14ac:dyDescent="0.2">
      <c r="A1737" s="38" t="str">
        <f>IF(B1734="","","（備考）")</f>
        <v/>
      </c>
      <c r="B1737" s="116"/>
      <c r="C1737" s="97"/>
      <c r="D1737" s="97"/>
      <c r="E1737" s="97"/>
      <c r="F1737" s="97"/>
      <c r="G1737" s="97"/>
      <c r="H1737" s="97"/>
      <c r="I1737" s="98"/>
    </row>
    <row r="1738" spans="1:9" x14ac:dyDescent="0.2">
      <c r="A1738" s="37" t="str">
        <f>IF(B1734="","","連絡先")</f>
        <v/>
      </c>
      <c r="B1738" s="42"/>
      <c r="C1738" s="40"/>
      <c r="D1738" s="40"/>
      <c r="E1738" s="40"/>
      <c r="F1738" s="40"/>
      <c r="G1738" s="40"/>
      <c r="H1738" s="40"/>
      <c r="I1738" s="41"/>
    </row>
    <row r="1739" spans="1:9" x14ac:dyDescent="0.2">
      <c r="A1739" s="99" t="str">
        <f>IF(B1734="","","URL")</f>
        <v/>
      </c>
      <c r="B1739" s="101"/>
      <c r="C1739" s="101"/>
      <c r="D1739" s="101"/>
      <c r="E1739" s="101"/>
      <c r="F1739" s="101"/>
      <c r="G1739" s="101"/>
      <c r="H1739" s="101"/>
      <c r="I1739" s="101"/>
    </row>
    <row r="1740" spans="1:9" x14ac:dyDescent="0.2">
      <c r="A1740" s="100"/>
      <c r="B1740" s="102"/>
      <c r="C1740" s="103"/>
      <c r="D1740" s="103"/>
      <c r="E1740" s="103"/>
      <c r="F1740" s="103"/>
      <c r="G1740" s="103"/>
      <c r="H1740" s="103"/>
      <c r="I1740" s="104"/>
    </row>
    <row r="1743" spans="1:9" x14ac:dyDescent="0.2">
      <c r="A1743" s="37" t="str">
        <f>IF(B1743="","","名称")</f>
        <v/>
      </c>
      <c r="B1743" s="84"/>
      <c r="C1743" s="84"/>
      <c r="D1743" s="84"/>
      <c r="E1743" s="84"/>
      <c r="F1743" s="84"/>
      <c r="G1743" s="84"/>
      <c r="H1743" s="84"/>
      <c r="I1743" s="84"/>
    </row>
    <row r="1744" spans="1:9" x14ac:dyDescent="0.2">
      <c r="A1744" s="85" t="str">
        <f>IF(B1743="","","内容")</f>
        <v/>
      </c>
      <c r="B1744" s="87"/>
      <c r="C1744" s="88"/>
      <c r="D1744" s="91"/>
      <c r="E1744" s="91"/>
      <c r="F1744" s="91"/>
      <c r="G1744" s="91"/>
      <c r="H1744" s="91"/>
      <c r="I1744" s="93"/>
    </row>
    <row r="1745" spans="1:9" x14ac:dyDescent="0.2">
      <c r="A1745" s="86"/>
      <c r="B1745" s="89"/>
      <c r="C1745" s="90"/>
      <c r="D1745" s="92"/>
      <c r="E1745" s="92"/>
      <c r="F1745" s="92"/>
      <c r="G1745" s="92"/>
      <c r="H1745" s="92"/>
      <c r="I1745" s="94"/>
    </row>
    <row r="1746" spans="1:9" x14ac:dyDescent="0.2">
      <c r="A1746" s="38" t="str">
        <f>IF(B1743="","","（備考）")</f>
        <v/>
      </c>
      <c r="B1746" s="116"/>
      <c r="C1746" s="97"/>
      <c r="D1746" s="97"/>
      <c r="E1746" s="97"/>
      <c r="F1746" s="97"/>
      <c r="G1746" s="97"/>
      <c r="H1746" s="97"/>
      <c r="I1746" s="98"/>
    </row>
    <row r="1747" spans="1:9" x14ac:dyDescent="0.2">
      <c r="A1747" s="37" t="str">
        <f>IF(B1743="","","連絡先")</f>
        <v/>
      </c>
      <c r="B1747" s="42"/>
      <c r="C1747" s="40"/>
      <c r="D1747" s="40"/>
      <c r="E1747" s="40"/>
      <c r="F1747" s="40"/>
      <c r="G1747" s="40"/>
      <c r="H1747" s="40"/>
      <c r="I1747" s="41"/>
    </row>
    <row r="1748" spans="1:9" x14ac:dyDescent="0.2">
      <c r="A1748" s="99" t="str">
        <f>IF(B1743="","","URL")</f>
        <v/>
      </c>
      <c r="B1748" s="101"/>
      <c r="C1748" s="101"/>
      <c r="D1748" s="101"/>
      <c r="E1748" s="101"/>
      <c r="F1748" s="101"/>
      <c r="G1748" s="101"/>
      <c r="H1748" s="101"/>
      <c r="I1748" s="101"/>
    </row>
    <row r="1749" spans="1:9" x14ac:dyDescent="0.2">
      <c r="A1749" s="100"/>
      <c r="B1749" s="102"/>
      <c r="C1749" s="103"/>
      <c r="D1749" s="103"/>
      <c r="E1749" s="103"/>
      <c r="F1749" s="103"/>
      <c r="G1749" s="103"/>
      <c r="H1749" s="103"/>
      <c r="I1749" s="104"/>
    </row>
    <row r="1752" spans="1:9" x14ac:dyDescent="0.2">
      <c r="A1752" s="37" t="str">
        <f>IF(B1752="","","名称")</f>
        <v/>
      </c>
      <c r="B1752" s="84"/>
      <c r="C1752" s="84"/>
      <c r="D1752" s="84"/>
      <c r="E1752" s="84"/>
      <c r="F1752" s="84"/>
      <c r="G1752" s="84"/>
      <c r="H1752" s="84"/>
      <c r="I1752" s="84"/>
    </row>
    <row r="1753" spans="1:9" x14ac:dyDescent="0.2">
      <c r="A1753" s="85" t="str">
        <f>IF(B1752="","","内容")</f>
        <v/>
      </c>
      <c r="B1753" s="87"/>
      <c r="C1753" s="88"/>
      <c r="D1753" s="91"/>
      <c r="E1753" s="91"/>
      <c r="F1753" s="91"/>
      <c r="G1753" s="91"/>
      <c r="H1753" s="91"/>
      <c r="I1753" s="93"/>
    </row>
    <row r="1754" spans="1:9" x14ac:dyDescent="0.2">
      <c r="A1754" s="86"/>
      <c r="B1754" s="89"/>
      <c r="C1754" s="90"/>
      <c r="D1754" s="92"/>
      <c r="E1754" s="92"/>
      <c r="F1754" s="92"/>
      <c r="G1754" s="92"/>
      <c r="H1754" s="92"/>
      <c r="I1754" s="94"/>
    </row>
    <row r="1755" spans="1:9" x14ac:dyDescent="0.2">
      <c r="A1755" s="38" t="str">
        <f>IF(B1752="","","（備考）")</f>
        <v/>
      </c>
      <c r="B1755" s="116"/>
      <c r="C1755" s="97"/>
      <c r="D1755" s="97"/>
      <c r="E1755" s="97"/>
      <c r="F1755" s="97"/>
      <c r="G1755" s="97"/>
      <c r="H1755" s="97"/>
      <c r="I1755" s="98"/>
    </row>
    <row r="1756" spans="1:9" x14ac:dyDescent="0.2">
      <c r="A1756" s="37" t="str">
        <f>IF(B1752="","","連絡先")</f>
        <v/>
      </c>
      <c r="B1756" s="42"/>
      <c r="C1756" s="40"/>
      <c r="D1756" s="40"/>
      <c r="E1756" s="40"/>
      <c r="F1756" s="40"/>
      <c r="G1756" s="40"/>
      <c r="H1756" s="40"/>
      <c r="I1756" s="41"/>
    </row>
    <row r="1757" spans="1:9" x14ac:dyDescent="0.2">
      <c r="A1757" s="99" t="str">
        <f>IF(B1752="","","URL")</f>
        <v/>
      </c>
      <c r="B1757" s="101"/>
      <c r="C1757" s="101"/>
      <c r="D1757" s="101"/>
      <c r="E1757" s="101"/>
      <c r="F1757" s="101"/>
      <c r="G1757" s="101"/>
      <c r="H1757" s="101"/>
      <c r="I1757" s="101"/>
    </row>
    <row r="1758" spans="1:9" x14ac:dyDescent="0.2">
      <c r="A1758" s="100"/>
      <c r="B1758" s="102"/>
      <c r="C1758" s="103"/>
      <c r="D1758" s="103"/>
      <c r="E1758" s="103"/>
      <c r="F1758" s="103"/>
      <c r="G1758" s="103"/>
      <c r="H1758" s="103"/>
      <c r="I1758" s="104"/>
    </row>
    <row r="1761" spans="1:9" x14ac:dyDescent="0.2">
      <c r="A1761" s="37" t="str">
        <f>IF(B1761="","","名称")</f>
        <v/>
      </c>
      <c r="B1761" s="84"/>
      <c r="C1761" s="84"/>
      <c r="D1761" s="84"/>
      <c r="E1761" s="84"/>
      <c r="F1761" s="84"/>
      <c r="G1761" s="84"/>
      <c r="H1761" s="84"/>
      <c r="I1761" s="84"/>
    </row>
    <row r="1762" spans="1:9" x14ac:dyDescent="0.2">
      <c r="A1762" s="85" t="str">
        <f>IF(B1761="","","内容")</f>
        <v/>
      </c>
      <c r="B1762" s="87"/>
      <c r="C1762" s="88"/>
      <c r="D1762" s="91"/>
      <c r="E1762" s="91"/>
      <c r="F1762" s="91"/>
      <c r="G1762" s="91"/>
      <c r="H1762" s="91"/>
      <c r="I1762" s="93"/>
    </row>
    <row r="1763" spans="1:9" x14ac:dyDescent="0.2">
      <c r="A1763" s="86"/>
      <c r="B1763" s="89"/>
      <c r="C1763" s="90"/>
      <c r="D1763" s="92"/>
      <c r="E1763" s="92"/>
      <c r="F1763" s="92"/>
      <c r="G1763" s="92"/>
      <c r="H1763" s="92"/>
      <c r="I1763" s="94"/>
    </row>
    <row r="1764" spans="1:9" x14ac:dyDescent="0.2">
      <c r="A1764" s="38" t="str">
        <f>IF(B1761="","","（備考）")</f>
        <v/>
      </c>
      <c r="B1764" s="116"/>
      <c r="C1764" s="97"/>
      <c r="D1764" s="97"/>
      <c r="E1764" s="97"/>
      <c r="F1764" s="97"/>
      <c r="G1764" s="97"/>
      <c r="H1764" s="97"/>
      <c r="I1764" s="98"/>
    </row>
    <row r="1765" spans="1:9" x14ac:dyDescent="0.2">
      <c r="A1765" s="37" t="str">
        <f>IF(B1761="","","連絡先")</f>
        <v/>
      </c>
      <c r="B1765" s="42"/>
      <c r="C1765" s="40"/>
      <c r="D1765" s="40"/>
      <c r="E1765" s="40"/>
      <c r="F1765" s="40"/>
      <c r="G1765" s="40"/>
      <c r="H1765" s="40"/>
      <c r="I1765" s="41"/>
    </row>
    <row r="1766" spans="1:9" x14ac:dyDescent="0.2">
      <c r="A1766" s="99" t="str">
        <f>IF(B1761="","","URL")</f>
        <v/>
      </c>
      <c r="B1766" s="101"/>
      <c r="C1766" s="101"/>
      <c r="D1766" s="101"/>
      <c r="E1766" s="101"/>
      <c r="F1766" s="101"/>
      <c r="G1766" s="101"/>
      <c r="H1766" s="101"/>
      <c r="I1766" s="101"/>
    </row>
    <row r="1767" spans="1:9" x14ac:dyDescent="0.2">
      <c r="A1767" s="100"/>
      <c r="B1767" s="102"/>
      <c r="C1767" s="103"/>
      <c r="D1767" s="103"/>
      <c r="E1767" s="103"/>
      <c r="F1767" s="103"/>
      <c r="G1767" s="103"/>
      <c r="H1767" s="103"/>
      <c r="I1767" s="104"/>
    </row>
    <row r="1771" spans="1:9" ht="13.5" customHeight="1" x14ac:dyDescent="0.2">
      <c r="A1771" s="107" t="s">
        <v>339</v>
      </c>
      <c r="B1771" s="107"/>
      <c r="C1771" s="107"/>
      <c r="D1771" s="107"/>
      <c r="E1771" s="107"/>
      <c r="F1771" s="107"/>
      <c r="G1771" s="107"/>
      <c r="H1771" s="107"/>
      <c r="I1771" s="107"/>
    </row>
    <row r="1772" spans="1:9" ht="13.5" customHeight="1" x14ac:dyDescent="0.2">
      <c r="A1772" s="107"/>
      <c r="B1772" s="107"/>
      <c r="C1772" s="107"/>
      <c r="D1772" s="107"/>
      <c r="E1772" s="107"/>
      <c r="F1772" s="107"/>
      <c r="G1772" s="107"/>
      <c r="H1772" s="107"/>
      <c r="I1772" s="107"/>
    </row>
    <row r="1775" spans="1:9" x14ac:dyDescent="0.2">
      <c r="A1775" s="37" t="str">
        <f>IF(B1775="","","名称")</f>
        <v>名称</v>
      </c>
      <c r="B1775" s="84" t="s">
        <v>532</v>
      </c>
      <c r="C1775" s="84"/>
      <c r="D1775" s="84"/>
      <c r="E1775" s="84"/>
      <c r="F1775" s="84"/>
      <c r="G1775" s="84"/>
      <c r="H1775" s="84"/>
      <c r="I1775" s="84"/>
    </row>
    <row r="1776" spans="1:9" x14ac:dyDescent="0.2">
      <c r="A1776" s="85" t="str">
        <f>IF(B1775="","","内容")</f>
        <v>内容</v>
      </c>
      <c r="B1776" s="256" t="s">
        <v>534</v>
      </c>
      <c r="C1776" s="257"/>
      <c r="D1776" s="257"/>
      <c r="E1776" s="257"/>
      <c r="F1776" s="91"/>
      <c r="G1776" s="91"/>
      <c r="H1776" s="91"/>
      <c r="I1776" s="93"/>
    </row>
    <row r="1777" spans="1:9" x14ac:dyDescent="0.2">
      <c r="A1777" s="86"/>
      <c r="B1777" s="258"/>
      <c r="C1777" s="259"/>
      <c r="D1777" s="259"/>
      <c r="E1777" s="259"/>
      <c r="F1777" s="92"/>
      <c r="G1777" s="92"/>
      <c r="H1777" s="92"/>
      <c r="I1777" s="94"/>
    </row>
    <row r="1778" spans="1:9" x14ac:dyDescent="0.2">
      <c r="A1778" s="38" t="str">
        <f>IF(B1775="","","（備考）")</f>
        <v>（備考）</v>
      </c>
      <c r="B1778" s="260"/>
      <c r="C1778" s="261"/>
      <c r="D1778" s="261"/>
      <c r="E1778" s="261"/>
      <c r="F1778" s="97"/>
      <c r="G1778" s="97"/>
      <c r="H1778" s="97"/>
      <c r="I1778" s="98"/>
    </row>
    <row r="1779" spans="1:9" x14ac:dyDescent="0.2">
      <c r="A1779" s="37" t="str">
        <f>IF(B1775="","","連絡先")</f>
        <v>連絡先</v>
      </c>
      <c r="B1779" s="43" t="s">
        <v>341</v>
      </c>
      <c r="C1779" s="40"/>
      <c r="D1779" s="40" t="s">
        <v>106</v>
      </c>
      <c r="E1779" s="40"/>
      <c r="F1779" s="40"/>
      <c r="G1779" s="40"/>
      <c r="H1779" s="40"/>
      <c r="I1779" s="41"/>
    </row>
    <row r="1780" spans="1:9" x14ac:dyDescent="0.2">
      <c r="A1780" s="99" t="str">
        <f>IF(B1775="","","URL")</f>
        <v>URL</v>
      </c>
      <c r="B1780" s="149" t="s">
        <v>455</v>
      </c>
      <c r="C1780" s="149"/>
      <c r="D1780" s="149"/>
      <c r="E1780" s="149"/>
      <c r="F1780" s="149"/>
      <c r="G1780" s="149"/>
      <c r="H1780" s="149"/>
      <c r="I1780" s="149"/>
    </row>
    <row r="1781" spans="1:9" x14ac:dyDescent="0.2">
      <c r="A1781" s="100"/>
      <c r="B1781" s="161"/>
      <c r="C1781" s="162"/>
      <c r="D1781" s="162"/>
      <c r="E1781" s="162"/>
      <c r="F1781" s="162"/>
      <c r="G1781" s="162"/>
      <c r="H1781" s="162"/>
      <c r="I1781" s="163"/>
    </row>
    <row r="1784" spans="1:9" x14ac:dyDescent="0.2">
      <c r="A1784" s="37" t="str">
        <f>IF(B1784="","","名称")</f>
        <v>名称</v>
      </c>
      <c r="B1784" s="84" t="s">
        <v>533</v>
      </c>
      <c r="C1784" s="84"/>
      <c r="D1784" s="84"/>
      <c r="E1784" s="84"/>
      <c r="F1784" s="84"/>
      <c r="G1784" s="84"/>
      <c r="H1784" s="84"/>
      <c r="I1784" s="84"/>
    </row>
    <row r="1785" spans="1:9" x14ac:dyDescent="0.2">
      <c r="A1785" s="85" t="str">
        <f>IF(B1784="","","内容")</f>
        <v>内容</v>
      </c>
      <c r="B1785" s="87" t="s">
        <v>416</v>
      </c>
      <c r="C1785" s="88"/>
      <c r="D1785" s="91"/>
      <c r="E1785" s="91"/>
      <c r="F1785" s="91"/>
      <c r="G1785" s="91"/>
      <c r="H1785" s="91"/>
      <c r="I1785" s="93"/>
    </row>
    <row r="1786" spans="1:9" x14ac:dyDescent="0.2">
      <c r="A1786" s="86"/>
      <c r="B1786" s="89"/>
      <c r="C1786" s="90"/>
      <c r="D1786" s="92"/>
      <c r="E1786" s="92"/>
      <c r="F1786" s="92"/>
      <c r="G1786" s="92"/>
      <c r="H1786" s="92"/>
      <c r="I1786" s="94"/>
    </row>
    <row r="1787" spans="1:9" x14ac:dyDescent="0.2">
      <c r="A1787" s="38" t="str">
        <f>IF(B1784="","","（備考）")</f>
        <v>（備考）</v>
      </c>
      <c r="B1787" s="223" t="s">
        <v>413</v>
      </c>
      <c r="C1787" s="224"/>
      <c r="D1787" s="155"/>
      <c r="E1787" s="155"/>
      <c r="F1787" s="97"/>
      <c r="G1787" s="97"/>
      <c r="H1787" s="97"/>
      <c r="I1787" s="98"/>
    </row>
    <row r="1788" spans="1:9" x14ac:dyDescent="0.2">
      <c r="A1788" s="37" t="str">
        <f>IF(B1784="","","連絡先")</f>
        <v>連絡先</v>
      </c>
      <c r="B1788" s="43" t="s">
        <v>417</v>
      </c>
      <c r="C1788" s="40"/>
      <c r="D1788" s="40"/>
      <c r="E1788" s="40"/>
      <c r="F1788" s="40"/>
      <c r="G1788" s="40"/>
      <c r="H1788" s="40"/>
      <c r="I1788" s="41"/>
    </row>
    <row r="1789" spans="1:9" x14ac:dyDescent="0.2">
      <c r="A1789" s="99" t="str">
        <f>IF(B1784="","","URL")</f>
        <v>URL</v>
      </c>
      <c r="B1789" s="101" t="s">
        <v>455</v>
      </c>
      <c r="C1789" s="101"/>
      <c r="D1789" s="101"/>
      <c r="E1789" s="101"/>
      <c r="F1789" s="101"/>
      <c r="G1789" s="101"/>
      <c r="H1789" s="101"/>
      <c r="I1789" s="101"/>
    </row>
    <row r="1790" spans="1:9" x14ac:dyDescent="0.2">
      <c r="A1790" s="100"/>
      <c r="B1790" s="102"/>
      <c r="C1790" s="103"/>
      <c r="D1790" s="103"/>
      <c r="E1790" s="103"/>
      <c r="F1790" s="103"/>
      <c r="G1790" s="103"/>
      <c r="H1790" s="103"/>
      <c r="I1790" s="104"/>
    </row>
    <row r="1793" spans="1:9" x14ac:dyDescent="0.2">
      <c r="A1793" s="37" t="str">
        <f>IF(B1793="","","名称")</f>
        <v/>
      </c>
      <c r="B1793" s="84"/>
      <c r="C1793" s="84"/>
      <c r="D1793" s="84"/>
      <c r="E1793" s="84"/>
      <c r="F1793" s="84"/>
      <c r="G1793" s="84"/>
      <c r="H1793" s="84"/>
      <c r="I1793" s="84"/>
    </row>
    <row r="1794" spans="1:9" x14ac:dyDescent="0.2">
      <c r="A1794" s="85" t="str">
        <f>IF(B1793="","","内容")</f>
        <v/>
      </c>
      <c r="B1794" s="87"/>
      <c r="C1794" s="88"/>
      <c r="D1794" s="91"/>
      <c r="E1794" s="91"/>
      <c r="F1794" s="91"/>
      <c r="G1794" s="91"/>
      <c r="H1794" s="91"/>
      <c r="I1794" s="93"/>
    </row>
    <row r="1795" spans="1:9" x14ac:dyDescent="0.2">
      <c r="A1795" s="86"/>
      <c r="B1795" s="89"/>
      <c r="C1795" s="90"/>
      <c r="D1795" s="92"/>
      <c r="E1795" s="92"/>
      <c r="F1795" s="92"/>
      <c r="G1795" s="92"/>
      <c r="H1795" s="92"/>
      <c r="I1795" s="94"/>
    </row>
    <row r="1796" spans="1:9" x14ac:dyDescent="0.2">
      <c r="A1796" s="38" t="str">
        <f>IF(B1793="","","（備考）")</f>
        <v/>
      </c>
      <c r="B1796" s="116"/>
      <c r="C1796" s="97"/>
      <c r="D1796" s="97"/>
      <c r="E1796" s="97"/>
      <c r="F1796" s="97"/>
      <c r="G1796" s="97"/>
      <c r="H1796" s="97"/>
      <c r="I1796" s="98"/>
    </row>
    <row r="1797" spans="1:9" x14ac:dyDescent="0.2">
      <c r="A1797" s="37" t="str">
        <f>IF(B1793="","","連絡先")</f>
        <v/>
      </c>
      <c r="B1797" s="42"/>
      <c r="C1797" s="40"/>
      <c r="D1797" s="40"/>
      <c r="E1797" s="40"/>
      <c r="F1797" s="40"/>
      <c r="G1797" s="40"/>
      <c r="H1797" s="40"/>
      <c r="I1797" s="41"/>
    </row>
    <row r="1798" spans="1:9" x14ac:dyDescent="0.2">
      <c r="A1798" s="99" t="str">
        <f>IF(B1793="","","URL")</f>
        <v/>
      </c>
      <c r="B1798" s="101"/>
      <c r="C1798" s="101"/>
      <c r="D1798" s="101"/>
      <c r="E1798" s="101"/>
      <c r="F1798" s="101"/>
      <c r="G1798" s="101"/>
      <c r="H1798" s="101"/>
      <c r="I1798" s="101"/>
    </row>
    <row r="1799" spans="1:9" x14ac:dyDescent="0.2">
      <c r="A1799" s="100"/>
      <c r="B1799" s="102"/>
      <c r="C1799" s="103"/>
      <c r="D1799" s="103"/>
      <c r="E1799" s="103"/>
      <c r="F1799" s="103"/>
      <c r="G1799" s="103"/>
      <c r="H1799" s="103"/>
      <c r="I1799" s="104"/>
    </row>
    <row r="1802" spans="1:9" x14ac:dyDescent="0.2">
      <c r="A1802" s="37" t="str">
        <f>IF(B1802="","","名称")</f>
        <v/>
      </c>
      <c r="B1802" s="84"/>
      <c r="C1802" s="84"/>
      <c r="D1802" s="84"/>
      <c r="E1802" s="84"/>
      <c r="F1802" s="84"/>
      <c r="G1802" s="84"/>
      <c r="H1802" s="84"/>
      <c r="I1802" s="84"/>
    </row>
    <row r="1803" spans="1:9" x14ac:dyDescent="0.2">
      <c r="A1803" s="85" t="str">
        <f>IF(B1802="","","内容")</f>
        <v/>
      </c>
      <c r="B1803" s="87"/>
      <c r="C1803" s="88"/>
      <c r="D1803" s="91"/>
      <c r="E1803" s="91"/>
      <c r="F1803" s="91"/>
      <c r="G1803" s="91"/>
      <c r="H1803" s="91"/>
      <c r="I1803" s="93"/>
    </row>
    <row r="1804" spans="1:9" x14ac:dyDescent="0.2">
      <c r="A1804" s="86"/>
      <c r="B1804" s="89"/>
      <c r="C1804" s="90"/>
      <c r="D1804" s="92"/>
      <c r="E1804" s="92"/>
      <c r="F1804" s="92"/>
      <c r="G1804" s="92"/>
      <c r="H1804" s="92"/>
      <c r="I1804" s="94"/>
    </row>
    <row r="1805" spans="1:9" x14ac:dyDescent="0.2">
      <c r="A1805" s="38" t="str">
        <f>IF(B1802="","","（備考）")</f>
        <v/>
      </c>
      <c r="B1805" s="116"/>
      <c r="C1805" s="97"/>
      <c r="D1805" s="97"/>
      <c r="E1805" s="97"/>
      <c r="F1805" s="97"/>
      <c r="G1805" s="97"/>
      <c r="H1805" s="97"/>
      <c r="I1805" s="98"/>
    </row>
    <row r="1806" spans="1:9" x14ac:dyDescent="0.2">
      <c r="A1806" s="37" t="str">
        <f>IF(B1802="","","連絡先")</f>
        <v/>
      </c>
      <c r="B1806" s="42"/>
      <c r="C1806" s="40"/>
      <c r="D1806" s="40"/>
      <c r="E1806" s="40"/>
      <c r="F1806" s="40"/>
      <c r="G1806" s="40"/>
      <c r="H1806" s="40"/>
      <c r="I1806" s="41"/>
    </row>
    <row r="1807" spans="1:9" x14ac:dyDescent="0.2">
      <c r="A1807" s="99" t="str">
        <f>IF(B1802="","","URL")</f>
        <v/>
      </c>
      <c r="B1807" s="101"/>
      <c r="C1807" s="101"/>
      <c r="D1807" s="101"/>
      <c r="E1807" s="101"/>
      <c r="F1807" s="101"/>
      <c r="G1807" s="101"/>
      <c r="H1807" s="101"/>
      <c r="I1807" s="101"/>
    </row>
    <row r="1808" spans="1:9" x14ac:dyDescent="0.2">
      <c r="A1808" s="100"/>
      <c r="B1808" s="102"/>
      <c r="C1808" s="103"/>
      <c r="D1808" s="103"/>
      <c r="E1808" s="103"/>
      <c r="F1808" s="103"/>
      <c r="G1808" s="103"/>
      <c r="H1808" s="103"/>
      <c r="I1808" s="104"/>
    </row>
    <row r="1811" spans="1:9" x14ac:dyDescent="0.2">
      <c r="A1811" s="37" t="str">
        <f>IF(B1811="","","名称")</f>
        <v/>
      </c>
      <c r="B1811" s="84"/>
      <c r="C1811" s="84"/>
      <c r="D1811" s="84"/>
      <c r="E1811" s="84"/>
      <c r="F1811" s="84"/>
      <c r="G1811" s="84"/>
      <c r="H1811" s="84"/>
      <c r="I1811" s="84"/>
    </row>
    <row r="1812" spans="1:9" x14ac:dyDescent="0.2">
      <c r="A1812" s="85" t="str">
        <f>IF(B1811="","","内容")</f>
        <v/>
      </c>
      <c r="B1812" s="87"/>
      <c r="C1812" s="88"/>
      <c r="D1812" s="91"/>
      <c r="E1812" s="91"/>
      <c r="F1812" s="91"/>
      <c r="G1812" s="91"/>
      <c r="H1812" s="91"/>
      <c r="I1812" s="93"/>
    </row>
    <row r="1813" spans="1:9" x14ac:dyDescent="0.2">
      <c r="A1813" s="86"/>
      <c r="B1813" s="89"/>
      <c r="C1813" s="90"/>
      <c r="D1813" s="92"/>
      <c r="E1813" s="92"/>
      <c r="F1813" s="92"/>
      <c r="G1813" s="92"/>
      <c r="H1813" s="92"/>
      <c r="I1813" s="94"/>
    </row>
    <row r="1814" spans="1:9" x14ac:dyDescent="0.2">
      <c r="A1814" s="38" t="str">
        <f>IF(B1811="","","（備考）")</f>
        <v/>
      </c>
      <c r="B1814" s="116"/>
      <c r="C1814" s="97"/>
      <c r="D1814" s="97"/>
      <c r="E1814" s="97"/>
      <c r="F1814" s="97"/>
      <c r="G1814" s="97"/>
      <c r="H1814" s="97"/>
      <c r="I1814" s="98"/>
    </row>
    <row r="1815" spans="1:9" x14ac:dyDescent="0.2">
      <c r="A1815" s="37" t="str">
        <f>IF(B1811="","","連絡先")</f>
        <v/>
      </c>
      <c r="B1815" s="42"/>
      <c r="C1815" s="40"/>
      <c r="D1815" s="40"/>
      <c r="E1815" s="40"/>
      <c r="F1815" s="40"/>
      <c r="G1815" s="40"/>
      <c r="H1815" s="40"/>
      <c r="I1815" s="41"/>
    </row>
    <row r="1816" spans="1:9" x14ac:dyDescent="0.2">
      <c r="A1816" s="99" t="str">
        <f>IF(B1811="","","URL")</f>
        <v/>
      </c>
      <c r="B1816" s="101"/>
      <c r="C1816" s="101"/>
      <c r="D1816" s="101"/>
      <c r="E1816" s="101"/>
      <c r="F1816" s="101"/>
      <c r="G1816" s="101"/>
      <c r="H1816" s="101"/>
      <c r="I1816" s="101"/>
    </row>
    <row r="1817" spans="1:9" x14ac:dyDescent="0.2">
      <c r="A1817" s="100"/>
      <c r="B1817" s="102"/>
      <c r="C1817" s="103"/>
      <c r="D1817" s="103"/>
      <c r="E1817" s="103"/>
      <c r="F1817" s="103"/>
      <c r="G1817" s="103"/>
      <c r="H1817" s="103"/>
      <c r="I1817" s="104"/>
    </row>
    <row r="1820" spans="1:9" x14ac:dyDescent="0.2">
      <c r="A1820" s="37" t="str">
        <f>IF(B1820="","","名称")</f>
        <v/>
      </c>
      <c r="B1820" s="84"/>
      <c r="C1820" s="84"/>
      <c r="D1820" s="84"/>
      <c r="E1820" s="84"/>
      <c r="F1820" s="84"/>
      <c r="G1820" s="84"/>
      <c r="H1820" s="84"/>
      <c r="I1820" s="84"/>
    </row>
    <row r="1821" spans="1:9" x14ac:dyDescent="0.2">
      <c r="A1821" s="85" t="str">
        <f>IF(B1820="","","内容")</f>
        <v/>
      </c>
      <c r="B1821" s="87"/>
      <c r="C1821" s="88"/>
      <c r="D1821" s="91"/>
      <c r="E1821" s="91"/>
      <c r="F1821" s="91"/>
      <c r="G1821" s="91"/>
      <c r="H1821" s="91"/>
      <c r="I1821" s="93"/>
    </row>
    <row r="1822" spans="1:9" x14ac:dyDescent="0.2">
      <c r="A1822" s="86"/>
      <c r="B1822" s="89"/>
      <c r="C1822" s="90"/>
      <c r="D1822" s="92"/>
      <c r="E1822" s="92"/>
      <c r="F1822" s="92"/>
      <c r="G1822" s="92"/>
      <c r="H1822" s="92"/>
      <c r="I1822" s="94"/>
    </row>
    <row r="1823" spans="1:9" x14ac:dyDescent="0.2">
      <c r="A1823" s="38" t="str">
        <f>IF(B1820="","","（備考）")</f>
        <v/>
      </c>
      <c r="B1823" s="116"/>
      <c r="C1823" s="97"/>
      <c r="D1823" s="97"/>
      <c r="E1823" s="97"/>
      <c r="F1823" s="97"/>
      <c r="G1823" s="97"/>
      <c r="H1823" s="97"/>
      <c r="I1823" s="98"/>
    </row>
    <row r="1824" spans="1:9" x14ac:dyDescent="0.2">
      <c r="A1824" s="37" t="str">
        <f>IF(B1820="","","連絡先")</f>
        <v/>
      </c>
      <c r="B1824" s="42"/>
      <c r="C1824" s="40"/>
      <c r="D1824" s="40"/>
      <c r="E1824" s="40"/>
      <c r="F1824" s="40"/>
      <c r="G1824" s="40"/>
      <c r="H1824" s="40"/>
      <c r="I1824" s="41"/>
    </row>
    <row r="1825" spans="1:9" x14ac:dyDescent="0.2">
      <c r="A1825" s="99" t="str">
        <f>IF(B1820="","","URL")</f>
        <v/>
      </c>
      <c r="B1825" s="101"/>
      <c r="C1825" s="101"/>
      <c r="D1825" s="101"/>
      <c r="E1825" s="101"/>
      <c r="F1825" s="101"/>
      <c r="G1825" s="101"/>
      <c r="H1825" s="101"/>
      <c r="I1825" s="101"/>
    </row>
    <row r="1826" spans="1:9" x14ac:dyDescent="0.2">
      <c r="A1826" s="100"/>
      <c r="B1826" s="102"/>
      <c r="C1826" s="103"/>
      <c r="D1826" s="103"/>
      <c r="E1826" s="103"/>
      <c r="F1826" s="103"/>
      <c r="G1826" s="103"/>
      <c r="H1826" s="103"/>
      <c r="I1826" s="104"/>
    </row>
    <row r="1830" spans="1:9" ht="13.5" customHeight="1" x14ac:dyDescent="0.2">
      <c r="A1830" s="107" t="s">
        <v>342</v>
      </c>
      <c r="B1830" s="107"/>
      <c r="C1830" s="107"/>
      <c r="D1830" s="107"/>
      <c r="E1830" s="107"/>
      <c r="F1830" s="107"/>
      <c r="G1830" s="107"/>
      <c r="H1830" s="107"/>
      <c r="I1830" s="107"/>
    </row>
    <row r="1831" spans="1:9" ht="13.5" customHeight="1" x14ac:dyDescent="0.2">
      <c r="A1831" s="107"/>
      <c r="B1831" s="107"/>
      <c r="C1831" s="107"/>
      <c r="D1831" s="107"/>
      <c r="E1831" s="107"/>
      <c r="F1831" s="107"/>
      <c r="G1831" s="107"/>
      <c r="H1831" s="107"/>
      <c r="I1831" s="107"/>
    </row>
    <row r="1834" spans="1:9" x14ac:dyDescent="0.2">
      <c r="A1834" s="37" t="str">
        <f>IF(B1834="","","名称")</f>
        <v>名称</v>
      </c>
      <c r="B1834" s="84" t="s">
        <v>419</v>
      </c>
      <c r="C1834" s="84"/>
      <c r="D1834" s="84"/>
      <c r="E1834" s="84"/>
      <c r="F1834" s="84"/>
      <c r="G1834" s="84"/>
      <c r="H1834" s="84"/>
      <c r="I1834" s="84"/>
    </row>
    <row r="1835" spans="1:9" x14ac:dyDescent="0.2">
      <c r="A1835" s="85" t="str">
        <f>IF(B1834="","","内容")</f>
        <v>内容</v>
      </c>
      <c r="B1835" s="87" t="s">
        <v>109</v>
      </c>
      <c r="C1835" s="88"/>
      <c r="D1835" s="91"/>
      <c r="E1835" s="91"/>
      <c r="F1835" s="91"/>
      <c r="G1835" s="91"/>
      <c r="H1835" s="91"/>
      <c r="I1835" s="93"/>
    </row>
    <row r="1836" spans="1:9" x14ac:dyDescent="0.2">
      <c r="A1836" s="86"/>
      <c r="B1836" s="89"/>
      <c r="C1836" s="90"/>
      <c r="D1836" s="92"/>
      <c r="E1836" s="92"/>
      <c r="F1836" s="92"/>
      <c r="G1836" s="92"/>
      <c r="H1836" s="92"/>
      <c r="I1836" s="94"/>
    </row>
    <row r="1837" spans="1:9" x14ac:dyDescent="0.2">
      <c r="A1837" s="38" t="str">
        <f>IF(B1834="","","（備考）")</f>
        <v>（備考）</v>
      </c>
      <c r="B1837" s="108" t="s">
        <v>340</v>
      </c>
      <c r="C1837" s="109"/>
      <c r="D1837" s="97"/>
      <c r="E1837" s="97"/>
      <c r="F1837" s="97"/>
      <c r="G1837" s="97"/>
      <c r="H1837" s="97"/>
      <c r="I1837" s="98"/>
    </row>
    <row r="1838" spans="1:9" x14ac:dyDescent="0.2">
      <c r="A1838" s="37" t="str">
        <f>IF(B1834="","","連絡先")</f>
        <v>連絡先</v>
      </c>
      <c r="B1838" s="43" t="s">
        <v>343</v>
      </c>
      <c r="C1838" s="40"/>
      <c r="D1838" s="40" t="s">
        <v>106</v>
      </c>
      <c r="E1838" s="40"/>
      <c r="F1838" s="40"/>
      <c r="G1838" s="40"/>
      <c r="H1838" s="40"/>
      <c r="I1838" s="41"/>
    </row>
    <row r="1839" spans="1:9" x14ac:dyDescent="0.2">
      <c r="A1839" s="99" t="str">
        <f>IF(B1834="","","URL")</f>
        <v>URL</v>
      </c>
      <c r="B1839" s="149" t="s">
        <v>418</v>
      </c>
      <c r="C1839" s="149"/>
      <c r="D1839" s="149"/>
      <c r="E1839" s="149"/>
      <c r="F1839" s="149"/>
      <c r="G1839" s="149"/>
      <c r="H1839" s="149"/>
      <c r="I1839" s="149"/>
    </row>
    <row r="1840" spans="1:9" x14ac:dyDescent="0.2">
      <c r="A1840" s="100"/>
      <c r="B1840" s="161"/>
      <c r="C1840" s="162"/>
      <c r="D1840" s="162"/>
      <c r="E1840" s="162"/>
      <c r="F1840" s="162"/>
      <c r="G1840" s="162"/>
      <c r="H1840" s="162"/>
      <c r="I1840" s="163"/>
    </row>
    <row r="1843" spans="1:9" x14ac:dyDescent="0.2">
      <c r="A1843" s="37" t="str">
        <f>IF(B1843="","","名称")</f>
        <v/>
      </c>
      <c r="B1843" s="84"/>
      <c r="C1843" s="84"/>
      <c r="D1843" s="84"/>
      <c r="E1843" s="84"/>
      <c r="F1843" s="84"/>
      <c r="G1843" s="84"/>
      <c r="H1843" s="84"/>
      <c r="I1843" s="84"/>
    </row>
    <row r="1844" spans="1:9" x14ac:dyDescent="0.2">
      <c r="A1844" s="85" t="str">
        <f>IF(B1843="","","内容")</f>
        <v/>
      </c>
      <c r="B1844" s="87"/>
      <c r="C1844" s="88"/>
      <c r="D1844" s="91"/>
      <c r="E1844" s="91"/>
      <c r="F1844" s="91"/>
      <c r="G1844" s="91"/>
      <c r="H1844" s="91"/>
      <c r="I1844" s="93"/>
    </row>
    <row r="1845" spans="1:9" x14ac:dyDescent="0.2">
      <c r="A1845" s="86"/>
      <c r="B1845" s="89"/>
      <c r="C1845" s="90"/>
      <c r="D1845" s="92"/>
      <c r="E1845" s="92"/>
      <c r="F1845" s="92"/>
      <c r="G1845" s="92"/>
      <c r="H1845" s="92"/>
      <c r="I1845" s="94"/>
    </row>
    <row r="1846" spans="1:9" x14ac:dyDescent="0.2">
      <c r="A1846" s="38" t="str">
        <f>IF(B1843="","","（備考）")</f>
        <v/>
      </c>
      <c r="B1846" s="116"/>
      <c r="C1846" s="97"/>
      <c r="D1846" s="97"/>
      <c r="E1846" s="97"/>
      <c r="F1846" s="97"/>
      <c r="G1846" s="97"/>
      <c r="H1846" s="97"/>
      <c r="I1846" s="98"/>
    </row>
    <row r="1847" spans="1:9" x14ac:dyDescent="0.2">
      <c r="A1847" s="37" t="str">
        <f>IF(B1843="","","連絡先")</f>
        <v/>
      </c>
      <c r="B1847" s="42"/>
      <c r="C1847" s="40"/>
      <c r="D1847" s="40"/>
      <c r="E1847" s="40"/>
      <c r="F1847" s="40"/>
      <c r="G1847" s="40"/>
      <c r="H1847" s="40"/>
      <c r="I1847" s="41"/>
    </row>
    <row r="1848" spans="1:9" x14ac:dyDescent="0.2">
      <c r="A1848" s="99" t="str">
        <f>IF(B1843="","","URL")</f>
        <v/>
      </c>
      <c r="B1848" s="101"/>
      <c r="C1848" s="101"/>
      <c r="D1848" s="101"/>
      <c r="E1848" s="101"/>
      <c r="F1848" s="101"/>
      <c r="G1848" s="101"/>
      <c r="H1848" s="101"/>
      <c r="I1848" s="101"/>
    </row>
    <row r="1849" spans="1:9" x14ac:dyDescent="0.2">
      <c r="A1849" s="100"/>
      <c r="B1849" s="102"/>
      <c r="C1849" s="103"/>
      <c r="D1849" s="103"/>
      <c r="E1849" s="103"/>
      <c r="F1849" s="103"/>
      <c r="G1849" s="103"/>
      <c r="H1849" s="103"/>
      <c r="I1849" s="104"/>
    </row>
    <row r="1852" spans="1:9" x14ac:dyDescent="0.2">
      <c r="A1852" s="37" t="str">
        <f>IF(B1852="","","名称")</f>
        <v/>
      </c>
      <c r="B1852" s="84"/>
      <c r="C1852" s="84"/>
      <c r="D1852" s="84"/>
      <c r="E1852" s="84"/>
      <c r="F1852" s="84"/>
      <c r="G1852" s="84"/>
      <c r="H1852" s="84"/>
      <c r="I1852" s="84"/>
    </row>
    <row r="1853" spans="1:9" x14ac:dyDescent="0.2">
      <c r="A1853" s="85" t="str">
        <f>IF(B1852="","","内容")</f>
        <v/>
      </c>
      <c r="B1853" s="87"/>
      <c r="C1853" s="88"/>
      <c r="D1853" s="91"/>
      <c r="E1853" s="91"/>
      <c r="F1853" s="91"/>
      <c r="G1853" s="91"/>
      <c r="H1853" s="91"/>
      <c r="I1853" s="93"/>
    </row>
    <row r="1854" spans="1:9" x14ac:dyDescent="0.2">
      <c r="A1854" s="86"/>
      <c r="B1854" s="89"/>
      <c r="C1854" s="90"/>
      <c r="D1854" s="92"/>
      <c r="E1854" s="92"/>
      <c r="F1854" s="92"/>
      <c r="G1854" s="92"/>
      <c r="H1854" s="92"/>
      <c r="I1854" s="94"/>
    </row>
    <row r="1855" spans="1:9" x14ac:dyDescent="0.2">
      <c r="A1855" s="38" t="str">
        <f>IF(B1852="","","（備考）")</f>
        <v/>
      </c>
      <c r="B1855" s="116"/>
      <c r="C1855" s="97"/>
      <c r="D1855" s="97"/>
      <c r="E1855" s="97"/>
      <c r="F1855" s="97"/>
      <c r="G1855" s="97"/>
      <c r="H1855" s="97"/>
      <c r="I1855" s="98"/>
    </row>
    <row r="1856" spans="1:9" x14ac:dyDescent="0.2">
      <c r="A1856" s="37" t="str">
        <f>IF(B1852="","","連絡先")</f>
        <v/>
      </c>
      <c r="B1856" s="42"/>
      <c r="C1856" s="40"/>
      <c r="D1856" s="40"/>
      <c r="E1856" s="40"/>
      <c r="F1856" s="40"/>
      <c r="G1856" s="40"/>
      <c r="H1856" s="40"/>
      <c r="I1856" s="41"/>
    </row>
    <row r="1857" spans="1:9" x14ac:dyDescent="0.2">
      <c r="A1857" s="99" t="str">
        <f>IF(B1852="","","URL")</f>
        <v/>
      </c>
      <c r="B1857" s="101"/>
      <c r="C1857" s="101"/>
      <c r="D1857" s="101"/>
      <c r="E1857" s="101"/>
      <c r="F1857" s="101"/>
      <c r="G1857" s="101"/>
      <c r="H1857" s="101"/>
      <c r="I1857" s="101"/>
    </row>
    <row r="1858" spans="1:9" x14ac:dyDescent="0.2">
      <c r="A1858" s="100"/>
      <c r="B1858" s="102"/>
      <c r="C1858" s="103"/>
      <c r="D1858" s="103"/>
      <c r="E1858" s="103"/>
      <c r="F1858" s="103"/>
      <c r="G1858" s="103"/>
      <c r="H1858" s="103"/>
      <c r="I1858" s="104"/>
    </row>
    <row r="1861" spans="1:9" x14ac:dyDescent="0.2">
      <c r="A1861" s="37" t="str">
        <f>IF(B1861="","","名称")</f>
        <v/>
      </c>
      <c r="B1861" s="84"/>
      <c r="C1861" s="84"/>
      <c r="D1861" s="84"/>
      <c r="E1861" s="84"/>
      <c r="F1861" s="84"/>
      <c r="G1861" s="84"/>
      <c r="H1861" s="84"/>
      <c r="I1861" s="84"/>
    </row>
    <row r="1862" spans="1:9" x14ac:dyDescent="0.2">
      <c r="A1862" s="85" t="str">
        <f>IF(B1861="","","内容")</f>
        <v/>
      </c>
      <c r="B1862" s="87"/>
      <c r="C1862" s="88"/>
      <c r="D1862" s="91"/>
      <c r="E1862" s="91"/>
      <c r="F1862" s="91"/>
      <c r="G1862" s="91"/>
      <c r="H1862" s="91"/>
      <c r="I1862" s="93"/>
    </row>
    <row r="1863" spans="1:9" x14ac:dyDescent="0.2">
      <c r="A1863" s="86"/>
      <c r="B1863" s="89"/>
      <c r="C1863" s="90"/>
      <c r="D1863" s="92"/>
      <c r="E1863" s="92"/>
      <c r="F1863" s="92"/>
      <c r="G1863" s="92"/>
      <c r="H1863" s="92"/>
      <c r="I1863" s="94"/>
    </row>
    <row r="1864" spans="1:9" x14ac:dyDescent="0.2">
      <c r="A1864" s="38" t="str">
        <f>IF(B1861="","","（備考）")</f>
        <v/>
      </c>
      <c r="B1864" s="116"/>
      <c r="C1864" s="97"/>
      <c r="D1864" s="97"/>
      <c r="E1864" s="97"/>
      <c r="F1864" s="97"/>
      <c r="G1864" s="97"/>
      <c r="H1864" s="97"/>
      <c r="I1864" s="98"/>
    </row>
    <row r="1865" spans="1:9" x14ac:dyDescent="0.2">
      <c r="A1865" s="37" t="str">
        <f>IF(B1861="","","連絡先")</f>
        <v/>
      </c>
      <c r="B1865" s="42"/>
      <c r="C1865" s="40"/>
      <c r="D1865" s="40"/>
      <c r="E1865" s="40"/>
      <c r="F1865" s="40"/>
      <c r="G1865" s="40"/>
      <c r="H1865" s="40"/>
      <c r="I1865" s="41"/>
    </row>
    <row r="1866" spans="1:9" x14ac:dyDescent="0.2">
      <c r="A1866" s="99" t="str">
        <f>IF(B1861="","","URL")</f>
        <v/>
      </c>
      <c r="B1866" s="101"/>
      <c r="C1866" s="101"/>
      <c r="D1866" s="101"/>
      <c r="E1866" s="101"/>
      <c r="F1866" s="101"/>
      <c r="G1866" s="101"/>
      <c r="H1866" s="101"/>
      <c r="I1866" s="101"/>
    </row>
    <row r="1867" spans="1:9" x14ac:dyDescent="0.2">
      <c r="A1867" s="100"/>
      <c r="B1867" s="102"/>
      <c r="C1867" s="103"/>
      <c r="D1867" s="103"/>
      <c r="E1867" s="103"/>
      <c r="F1867" s="103"/>
      <c r="G1867" s="103"/>
      <c r="H1867" s="103"/>
      <c r="I1867" s="104"/>
    </row>
    <row r="1870" spans="1:9" x14ac:dyDescent="0.2">
      <c r="A1870" s="37" t="str">
        <f>IF(B1870="","","名称")</f>
        <v/>
      </c>
      <c r="B1870" s="84"/>
      <c r="C1870" s="84"/>
      <c r="D1870" s="84"/>
      <c r="E1870" s="84"/>
      <c r="F1870" s="84"/>
      <c r="G1870" s="84"/>
      <c r="H1870" s="84"/>
      <c r="I1870" s="84"/>
    </row>
    <row r="1871" spans="1:9" x14ac:dyDescent="0.2">
      <c r="A1871" s="85" t="str">
        <f>IF(B1870="","","内容")</f>
        <v/>
      </c>
      <c r="B1871" s="87"/>
      <c r="C1871" s="88"/>
      <c r="D1871" s="91"/>
      <c r="E1871" s="91"/>
      <c r="F1871" s="91"/>
      <c r="G1871" s="91"/>
      <c r="H1871" s="91"/>
      <c r="I1871" s="93"/>
    </row>
    <row r="1872" spans="1:9" x14ac:dyDescent="0.2">
      <c r="A1872" s="86"/>
      <c r="B1872" s="89"/>
      <c r="C1872" s="90"/>
      <c r="D1872" s="92"/>
      <c r="E1872" s="92"/>
      <c r="F1872" s="92"/>
      <c r="G1872" s="92"/>
      <c r="H1872" s="92"/>
      <c r="I1872" s="94"/>
    </row>
    <row r="1873" spans="1:9" x14ac:dyDescent="0.2">
      <c r="A1873" s="38" t="str">
        <f>IF(B1870="","","（備考）")</f>
        <v/>
      </c>
      <c r="B1873" s="116"/>
      <c r="C1873" s="97"/>
      <c r="D1873" s="97"/>
      <c r="E1873" s="97"/>
      <c r="F1873" s="97"/>
      <c r="G1873" s="97"/>
      <c r="H1873" s="97"/>
      <c r="I1873" s="98"/>
    </row>
    <row r="1874" spans="1:9" x14ac:dyDescent="0.2">
      <c r="A1874" s="37" t="str">
        <f>IF(B1870="","","連絡先")</f>
        <v/>
      </c>
      <c r="B1874" s="42"/>
      <c r="C1874" s="40"/>
      <c r="D1874" s="40"/>
      <c r="E1874" s="40"/>
      <c r="F1874" s="40"/>
      <c r="G1874" s="40"/>
      <c r="H1874" s="40"/>
      <c r="I1874" s="41"/>
    </row>
    <row r="1875" spans="1:9" x14ac:dyDescent="0.2">
      <c r="A1875" s="99" t="str">
        <f>IF(B1870="","","URL")</f>
        <v/>
      </c>
      <c r="B1875" s="101"/>
      <c r="C1875" s="101"/>
      <c r="D1875" s="101"/>
      <c r="E1875" s="101"/>
      <c r="F1875" s="101"/>
      <c r="G1875" s="101"/>
      <c r="H1875" s="101"/>
      <c r="I1875" s="101"/>
    </row>
    <row r="1876" spans="1:9" x14ac:dyDescent="0.2">
      <c r="A1876" s="100"/>
      <c r="B1876" s="102"/>
      <c r="C1876" s="103"/>
      <c r="D1876" s="103"/>
      <c r="E1876" s="103"/>
      <c r="F1876" s="103"/>
      <c r="G1876" s="103"/>
      <c r="H1876" s="103"/>
      <c r="I1876" s="104"/>
    </row>
    <row r="1879" spans="1:9" x14ac:dyDescent="0.2">
      <c r="A1879" s="37" t="str">
        <f>IF(B1879="","","名称")</f>
        <v/>
      </c>
      <c r="B1879" s="84"/>
      <c r="C1879" s="84"/>
      <c r="D1879" s="84"/>
      <c r="E1879" s="84"/>
      <c r="F1879" s="84"/>
      <c r="G1879" s="84"/>
      <c r="H1879" s="84"/>
      <c r="I1879" s="84"/>
    </row>
    <row r="1880" spans="1:9" x14ac:dyDescent="0.2">
      <c r="A1880" s="85" t="str">
        <f>IF(B1879="","","内容")</f>
        <v/>
      </c>
      <c r="B1880" s="87"/>
      <c r="C1880" s="88"/>
      <c r="D1880" s="91"/>
      <c r="E1880" s="91"/>
      <c r="F1880" s="91"/>
      <c r="G1880" s="91"/>
      <c r="H1880" s="91"/>
      <c r="I1880" s="93"/>
    </row>
    <row r="1881" spans="1:9" x14ac:dyDescent="0.2">
      <c r="A1881" s="86"/>
      <c r="B1881" s="89"/>
      <c r="C1881" s="90"/>
      <c r="D1881" s="92"/>
      <c r="E1881" s="92"/>
      <c r="F1881" s="92"/>
      <c r="G1881" s="92"/>
      <c r="H1881" s="92"/>
      <c r="I1881" s="94"/>
    </row>
    <row r="1882" spans="1:9" x14ac:dyDescent="0.2">
      <c r="A1882" s="38" t="str">
        <f>IF(B1879="","","（備考）")</f>
        <v/>
      </c>
      <c r="B1882" s="116"/>
      <c r="C1882" s="97"/>
      <c r="D1882" s="97"/>
      <c r="E1882" s="97"/>
      <c r="F1882" s="97"/>
      <c r="G1882" s="97"/>
      <c r="H1882" s="97"/>
      <c r="I1882" s="98"/>
    </row>
    <row r="1883" spans="1:9" x14ac:dyDescent="0.2">
      <c r="A1883" s="37" t="str">
        <f>IF(B1879="","","連絡先")</f>
        <v/>
      </c>
      <c r="B1883" s="42"/>
      <c r="C1883" s="40"/>
      <c r="D1883" s="40"/>
      <c r="E1883" s="40"/>
      <c r="F1883" s="40"/>
      <c r="G1883" s="40"/>
      <c r="H1883" s="40"/>
      <c r="I1883" s="41"/>
    </row>
    <row r="1884" spans="1:9" x14ac:dyDescent="0.2">
      <c r="A1884" s="99" t="str">
        <f>IF(B1879="","","URL")</f>
        <v/>
      </c>
      <c r="B1884" s="101"/>
      <c r="C1884" s="101"/>
      <c r="D1884" s="101"/>
      <c r="E1884" s="101"/>
      <c r="F1884" s="101"/>
      <c r="G1884" s="101"/>
      <c r="H1884" s="101"/>
      <c r="I1884" s="101"/>
    </row>
    <row r="1885" spans="1:9" x14ac:dyDescent="0.2">
      <c r="A1885" s="100"/>
      <c r="B1885" s="102"/>
      <c r="C1885" s="103"/>
      <c r="D1885" s="103"/>
      <c r="E1885" s="103"/>
      <c r="F1885" s="103"/>
      <c r="G1885" s="103"/>
      <c r="H1885" s="103"/>
      <c r="I1885" s="104"/>
    </row>
    <row r="1889" spans="1:9" ht="13.5" customHeight="1" x14ac:dyDescent="0.2">
      <c r="A1889" s="107" t="s">
        <v>344</v>
      </c>
      <c r="B1889" s="107"/>
      <c r="C1889" s="107"/>
      <c r="D1889" s="107"/>
      <c r="E1889" s="107"/>
      <c r="F1889" s="107"/>
      <c r="G1889" s="107"/>
      <c r="H1889" s="107"/>
      <c r="I1889" s="107"/>
    </row>
    <row r="1890" spans="1:9" ht="13.5" customHeight="1" x14ac:dyDescent="0.2">
      <c r="A1890" s="107"/>
      <c r="B1890" s="107"/>
      <c r="C1890" s="107"/>
      <c r="D1890" s="107"/>
      <c r="E1890" s="107"/>
      <c r="F1890" s="107"/>
      <c r="G1890" s="107"/>
      <c r="H1890" s="107"/>
      <c r="I1890" s="107"/>
    </row>
    <row r="1893" spans="1:9" x14ac:dyDescent="0.2">
      <c r="A1893" s="37" t="str">
        <f>IF(B1893="","","名称")</f>
        <v>名称</v>
      </c>
      <c r="B1893" s="84" t="s">
        <v>345</v>
      </c>
      <c r="C1893" s="84"/>
      <c r="D1893" s="84"/>
      <c r="E1893" s="84"/>
      <c r="F1893" s="84"/>
      <c r="G1893" s="84"/>
      <c r="H1893" s="84"/>
      <c r="I1893" s="84"/>
    </row>
    <row r="1894" spans="1:9" x14ac:dyDescent="0.2">
      <c r="A1894" s="85" t="str">
        <f>IF(B1893="","","内容")</f>
        <v>内容</v>
      </c>
      <c r="B1894" s="87" t="s">
        <v>109</v>
      </c>
      <c r="C1894" s="88"/>
      <c r="D1894" s="91"/>
      <c r="E1894" s="91"/>
      <c r="F1894" s="91"/>
      <c r="G1894" s="91"/>
      <c r="H1894" s="91"/>
      <c r="I1894" s="93"/>
    </row>
    <row r="1895" spans="1:9" x14ac:dyDescent="0.2">
      <c r="A1895" s="86"/>
      <c r="B1895" s="89"/>
      <c r="C1895" s="90"/>
      <c r="D1895" s="92"/>
      <c r="E1895" s="92"/>
      <c r="F1895" s="92"/>
      <c r="G1895" s="92"/>
      <c r="H1895" s="92"/>
      <c r="I1895" s="94"/>
    </row>
    <row r="1896" spans="1:9" x14ac:dyDescent="0.2">
      <c r="A1896" s="38" t="str">
        <f>IF(B1893="","","（備考）")</f>
        <v>（備考）</v>
      </c>
      <c r="B1896" s="108"/>
      <c r="C1896" s="109"/>
      <c r="D1896" s="97"/>
      <c r="E1896" s="97"/>
      <c r="F1896" s="97"/>
      <c r="G1896" s="97"/>
      <c r="H1896" s="97"/>
      <c r="I1896" s="98"/>
    </row>
    <row r="1897" spans="1:9" x14ac:dyDescent="0.2">
      <c r="A1897" s="37" t="str">
        <f>IF(B1893="","","連絡先")</f>
        <v>連絡先</v>
      </c>
      <c r="B1897" s="43" t="s">
        <v>346</v>
      </c>
      <c r="C1897" s="40"/>
      <c r="D1897" s="40" t="s">
        <v>106</v>
      </c>
      <c r="E1897" s="40"/>
      <c r="F1897" s="40"/>
      <c r="G1897" s="40"/>
      <c r="H1897" s="40"/>
      <c r="I1897" s="41"/>
    </row>
    <row r="1898" spans="1:9" x14ac:dyDescent="0.2">
      <c r="A1898" s="99" t="str">
        <f>IF(B1893="","","URL")</f>
        <v>URL</v>
      </c>
      <c r="B1898" s="101" t="s">
        <v>347</v>
      </c>
      <c r="C1898" s="101"/>
      <c r="D1898" s="101"/>
      <c r="E1898" s="101"/>
      <c r="F1898" s="101"/>
      <c r="G1898" s="101"/>
      <c r="H1898" s="101"/>
      <c r="I1898" s="101"/>
    </row>
    <row r="1899" spans="1:9" x14ac:dyDescent="0.2">
      <c r="A1899" s="100"/>
      <c r="B1899" s="102"/>
      <c r="C1899" s="103"/>
      <c r="D1899" s="103"/>
      <c r="E1899" s="103"/>
      <c r="F1899" s="103"/>
      <c r="G1899" s="103"/>
      <c r="H1899" s="103"/>
      <c r="I1899" s="104"/>
    </row>
    <row r="1902" spans="1:9" x14ac:dyDescent="0.2">
      <c r="A1902" s="37" t="str">
        <f>IF(B1902="","","名称")</f>
        <v>名称</v>
      </c>
      <c r="B1902" s="84" t="s">
        <v>535</v>
      </c>
      <c r="C1902" s="84"/>
      <c r="D1902" s="84"/>
      <c r="E1902" s="84"/>
      <c r="F1902" s="84"/>
      <c r="G1902" s="84"/>
      <c r="H1902" s="84"/>
      <c r="I1902" s="84"/>
    </row>
    <row r="1903" spans="1:9" x14ac:dyDescent="0.2">
      <c r="A1903" s="85" t="str">
        <f>IF(B1902="","","内容")</f>
        <v>内容</v>
      </c>
      <c r="B1903" s="87" t="s">
        <v>120</v>
      </c>
      <c r="C1903" s="88"/>
      <c r="D1903" s="91" t="s">
        <v>121</v>
      </c>
      <c r="E1903" s="91"/>
      <c r="F1903" s="91"/>
      <c r="G1903" s="91"/>
      <c r="H1903" s="91"/>
      <c r="I1903" s="93"/>
    </row>
    <row r="1904" spans="1:9" x14ac:dyDescent="0.2">
      <c r="A1904" s="86"/>
      <c r="B1904" s="89"/>
      <c r="C1904" s="90"/>
      <c r="D1904" s="92"/>
      <c r="E1904" s="92"/>
      <c r="F1904" s="92"/>
      <c r="G1904" s="92"/>
      <c r="H1904" s="92"/>
      <c r="I1904" s="94"/>
    </row>
    <row r="1905" spans="1:9" x14ac:dyDescent="0.2">
      <c r="A1905" s="38" t="str">
        <f>IF(B1902="","","（備考）")</f>
        <v>（備考）</v>
      </c>
      <c r="B1905" s="174" t="s">
        <v>157</v>
      </c>
      <c r="C1905" s="175"/>
      <c r="D1905" s="117" t="s">
        <v>348</v>
      </c>
      <c r="E1905" s="117"/>
      <c r="F1905" s="97"/>
      <c r="G1905" s="97"/>
      <c r="H1905" s="97"/>
      <c r="I1905" s="98"/>
    </row>
    <row r="1906" spans="1:9" x14ac:dyDescent="0.2">
      <c r="A1906" s="37" t="str">
        <f>IF(B1902="","","連絡先")</f>
        <v>連絡先</v>
      </c>
      <c r="B1906" s="43" t="s">
        <v>349</v>
      </c>
      <c r="C1906" s="40"/>
      <c r="D1906" s="40" t="s">
        <v>106</v>
      </c>
      <c r="E1906" s="40"/>
      <c r="F1906" s="40"/>
      <c r="G1906" s="40"/>
      <c r="H1906" s="40"/>
      <c r="I1906" s="41"/>
    </row>
    <row r="1907" spans="1:9" x14ac:dyDescent="0.2">
      <c r="A1907" s="99" t="str">
        <f>IF(B1902="","","URL")</f>
        <v>URL</v>
      </c>
      <c r="B1907" s="101" t="s">
        <v>350</v>
      </c>
      <c r="C1907" s="101"/>
      <c r="D1907" s="101"/>
      <c r="E1907" s="101"/>
      <c r="F1907" s="101"/>
      <c r="G1907" s="101"/>
      <c r="H1907" s="101"/>
      <c r="I1907" s="101"/>
    </row>
    <row r="1908" spans="1:9" x14ac:dyDescent="0.2">
      <c r="A1908" s="100"/>
      <c r="B1908" s="102"/>
      <c r="C1908" s="103"/>
      <c r="D1908" s="103"/>
      <c r="E1908" s="103"/>
      <c r="F1908" s="103"/>
      <c r="G1908" s="103"/>
      <c r="H1908" s="103"/>
      <c r="I1908" s="104"/>
    </row>
    <row r="1911" spans="1:9" x14ac:dyDescent="0.2">
      <c r="A1911" s="37" t="str">
        <f>IF(B1911="","","名称")</f>
        <v/>
      </c>
      <c r="B1911" s="84"/>
      <c r="C1911" s="84"/>
      <c r="D1911" s="84"/>
      <c r="E1911" s="84"/>
      <c r="F1911" s="84"/>
      <c r="G1911" s="84"/>
      <c r="H1911" s="84"/>
      <c r="I1911" s="84"/>
    </row>
    <row r="1912" spans="1:9" x14ac:dyDescent="0.2">
      <c r="A1912" s="85" t="str">
        <f>IF(B1911="","","内容")</f>
        <v/>
      </c>
      <c r="B1912" s="87"/>
      <c r="C1912" s="88"/>
      <c r="D1912" s="91"/>
      <c r="E1912" s="91"/>
      <c r="F1912" s="91"/>
      <c r="G1912" s="91"/>
      <c r="H1912" s="91"/>
      <c r="I1912" s="93"/>
    </row>
    <row r="1913" spans="1:9" x14ac:dyDescent="0.2">
      <c r="A1913" s="86"/>
      <c r="B1913" s="89"/>
      <c r="C1913" s="90"/>
      <c r="D1913" s="92"/>
      <c r="E1913" s="92"/>
      <c r="F1913" s="92"/>
      <c r="G1913" s="92"/>
      <c r="H1913" s="92"/>
      <c r="I1913" s="94"/>
    </row>
    <row r="1914" spans="1:9" x14ac:dyDescent="0.2">
      <c r="A1914" s="38" t="str">
        <f>IF(B1911="","","（備考）")</f>
        <v/>
      </c>
      <c r="B1914" s="116"/>
      <c r="C1914" s="97"/>
      <c r="D1914" s="97"/>
      <c r="E1914" s="97"/>
      <c r="F1914" s="97"/>
      <c r="G1914" s="97"/>
      <c r="H1914" s="97"/>
      <c r="I1914" s="98"/>
    </row>
    <row r="1915" spans="1:9" x14ac:dyDescent="0.2">
      <c r="A1915" s="37" t="str">
        <f>IF(B1911="","","連絡先")</f>
        <v/>
      </c>
      <c r="B1915" s="42"/>
      <c r="C1915" s="40"/>
      <c r="D1915" s="40"/>
      <c r="E1915" s="40"/>
      <c r="F1915" s="40"/>
      <c r="G1915" s="40"/>
      <c r="H1915" s="40"/>
      <c r="I1915" s="41"/>
    </row>
    <row r="1916" spans="1:9" x14ac:dyDescent="0.2">
      <c r="A1916" s="99" t="str">
        <f>IF(B1911="","","URL")</f>
        <v/>
      </c>
      <c r="B1916" s="101"/>
      <c r="C1916" s="101"/>
      <c r="D1916" s="101"/>
      <c r="E1916" s="101"/>
      <c r="F1916" s="101"/>
      <c r="G1916" s="101"/>
      <c r="H1916" s="101"/>
      <c r="I1916" s="101"/>
    </row>
    <row r="1917" spans="1:9" x14ac:dyDescent="0.2">
      <c r="A1917" s="100"/>
      <c r="B1917" s="102"/>
      <c r="C1917" s="103"/>
      <c r="D1917" s="103"/>
      <c r="E1917" s="103"/>
      <c r="F1917" s="103"/>
      <c r="G1917" s="103"/>
      <c r="H1917" s="103"/>
      <c r="I1917" s="104"/>
    </row>
    <row r="1920" spans="1:9" x14ac:dyDescent="0.2">
      <c r="A1920" s="37" t="str">
        <f>IF(B1920="","","名称")</f>
        <v/>
      </c>
      <c r="B1920" s="84"/>
      <c r="C1920" s="84"/>
      <c r="D1920" s="84"/>
      <c r="E1920" s="84"/>
      <c r="F1920" s="84"/>
      <c r="G1920" s="84"/>
      <c r="H1920" s="84"/>
      <c r="I1920" s="84"/>
    </row>
    <row r="1921" spans="1:9" x14ac:dyDescent="0.2">
      <c r="A1921" s="85" t="str">
        <f>IF(B1920="","","内容")</f>
        <v/>
      </c>
      <c r="B1921" s="87"/>
      <c r="C1921" s="88"/>
      <c r="D1921" s="91"/>
      <c r="E1921" s="91"/>
      <c r="F1921" s="91"/>
      <c r="G1921" s="91"/>
      <c r="H1921" s="91"/>
      <c r="I1921" s="93"/>
    </row>
    <row r="1922" spans="1:9" x14ac:dyDescent="0.2">
      <c r="A1922" s="86"/>
      <c r="B1922" s="89"/>
      <c r="C1922" s="90"/>
      <c r="D1922" s="92"/>
      <c r="E1922" s="92"/>
      <c r="F1922" s="92"/>
      <c r="G1922" s="92"/>
      <c r="H1922" s="92"/>
      <c r="I1922" s="94"/>
    </row>
    <row r="1923" spans="1:9" x14ac:dyDescent="0.2">
      <c r="A1923" s="38" t="str">
        <f>IF(B1920="","","（備考）")</f>
        <v/>
      </c>
      <c r="B1923" s="116"/>
      <c r="C1923" s="97"/>
      <c r="D1923" s="97"/>
      <c r="E1923" s="97"/>
      <c r="F1923" s="97"/>
      <c r="G1923" s="97"/>
      <c r="H1923" s="97"/>
      <c r="I1923" s="98"/>
    </row>
    <row r="1924" spans="1:9" x14ac:dyDescent="0.2">
      <c r="A1924" s="37" t="str">
        <f>IF(B1920="","","連絡先")</f>
        <v/>
      </c>
      <c r="B1924" s="42"/>
      <c r="C1924" s="40"/>
      <c r="D1924" s="40"/>
      <c r="E1924" s="40"/>
      <c r="F1924" s="40"/>
      <c r="G1924" s="40"/>
      <c r="H1924" s="40"/>
      <c r="I1924" s="41"/>
    </row>
    <row r="1925" spans="1:9" x14ac:dyDescent="0.2">
      <c r="A1925" s="99" t="str">
        <f>IF(B1920="","","URL")</f>
        <v/>
      </c>
      <c r="B1925" s="101"/>
      <c r="C1925" s="101"/>
      <c r="D1925" s="101"/>
      <c r="E1925" s="101"/>
      <c r="F1925" s="101"/>
      <c r="G1925" s="101"/>
      <c r="H1925" s="101"/>
      <c r="I1925" s="101"/>
    </row>
    <row r="1926" spans="1:9" x14ac:dyDescent="0.2">
      <c r="A1926" s="100"/>
      <c r="B1926" s="102"/>
      <c r="C1926" s="103"/>
      <c r="D1926" s="103"/>
      <c r="E1926" s="103"/>
      <c r="F1926" s="103"/>
      <c r="G1926" s="103"/>
      <c r="H1926" s="103"/>
      <c r="I1926" s="104"/>
    </row>
    <row r="1929" spans="1:9" x14ac:dyDescent="0.2">
      <c r="A1929" s="37" t="str">
        <f>IF(B1929="","","名称")</f>
        <v/>
      </c>
      <c r="B1929" s="84"/>
      <c r="C1929" s="84"/>
      <c r="D1929" s="84"/>
      <c r="E1929" s="84"/>
      <c r="F1929" s="84"/>
      <c r="G1929" s="84"/>
      <c r="H1929" s="84"/>
      <c r="I1929" s="84"/>
    </row>
    <row r="1930" spans="1:9" x14ac:dyDescent="0.2">
      <c r="A1930" s="85" t="str">
        <f>IF(B1929="","","内容")</f>
        <v/>
      </c>
      <c r="B1930" s="87"/>
      <c r="C1930" s="88"/>
      <c r="D1930" s="91"/>
      <c r="E1930" s="91"/>
      <c r="F1930" s="91"/>
      <c r="G1930" s="91"/>
      <c r="H1930" s="91"/>
      <c r="I1930" s="93"/>
    </row>
    <row r="1931" spans="1:9" x14ac:dyDescent="0.2">
      <c r="A1931" s="86"/>
      <c r="B1931" s="89"/>
      <c r="C1931" s="90"/>
      <c r="D1931" s="92"/>
      <c r="E1931" s="92"/>
      <c r="F1931" s="92"/>
      <c r="G1931" s="92"/>
      <c r="H1931" s="92"/>
      <c r="I1931" s="94"/>
    </row>
    <row r="1932" spans="1:9" x14ac:dyDescent="0.2">
      <c r="A1932" s="38" t="str">
        <f>IF(B1929="","","（備考）")</f>
        <v/>
      </c>
      <c r="B1932" s="116"/>
      <c r="C1932" s="97"/>
      <c r="D1932" s="97"/>
      <c r="E1932" s="97"/>
      <c r="F1932" s="97"/>
      <c r="G1932" s="97"/>
      <c r="H1932" s="97"/>
      <c r="I1932" s="98"/>
    </row>
    <row r="1933" spans="1:9" x14ac:dyDescent="0.2">
      <c r="A1933" s="37" t="str">
        <f>IF(B1929="","","連絡先")</f>
        <v/>
      </c>
      <c r="B1933" s="42"/>
      <c r="C1933" s="40"/>
      <c r="D1933" s="40"/>
      <c r="E1933" s="40"/>
      <c r="F1933" s="40"/>
      <c r="G1933" s="40"/>
      <c r="H1933" s="40"/>
      <c r="I1933" s="41"/>
    </row>
    <row r="1934" spans="1:9" x14ac:dyDescent="0.2">
      <c r="A1934" s="99" t="str">
        <f>IF(B1929="","","URL")</f>
        <v/>
      </c>
      <c r="B1934" s="101"/>
      <c r="C1934" s="101"/>
      <c r="D1934" s="101"/>
      <c r="E1934" s="101"/>
      <c r="F1934" s="101"/>
      <c r="G1934" s="101"/>
      <c r="H1934" s="101"/>
      <c r="I1934" s="101"/>
    </row>
    <row r="1935" spans="1:9" x14ac:dyDescent="0.2">
      <c r="A1935" s="100"/>
      <c r="B1935" s="102"/>
      <c r="C1935" s="103"/>
      <c r="D1935" s="103"/>
      <c r="E1935" s="103"/>
      <c r="F1935" s="103"/>
      <c r="G1935" s="103"/>
      <c r="H1935" s="103"/>
      <c r="I1935" s="104"/>
    </row>
    <row r="1938" spans="1:9" x14ac:dyDescent="0.2">
      <c r="A1938" s="37" t="str">
        <f>IF(B1938="","","名称")</f>
        <v/>
      </c>
      <c r="B1938" s="84"/>
      <c r="C1938" s="84"/>
      <c r="D1938" s="84"/>
      <c r="E1938" s="84"/>
      <c r="F1938" s="84"/>
      <c r="G1938" s="84"/>
      <c r="H1938" s="84"/>
      <c r="I1938" s="84"/>
    </row>
    <row r="1939" spans="1:9" x14ac:dyDescent="0.2">
      <c r="A1939" s="85" t="str">
        <f>IF(B1938="","","内容")</f>
        <v/>
      </c>
      <c r="B1939" s="87"/>
      <c r="C1939" s="88"/>
      <c r="D1939" s="91"/>
      <c r="E1939" s="91"/>
      <c r="F1939" s="91"/>
      <c r="G1939" s="91"/>
      <c r="H1939" s="91"/>
      <c r="I1939" s="93"/>
    </row>
    <row r="1940" spans="1:9" x14ac:dyDescent="0.2">
      <c r="A1940" s="86"/>
      <c r="B1940" s="89"/>
      <c r="C1940" s="90"/>
      <c r="D1940" s="92"/>
      <c r="E1940" s="92"/>
      <c r="F1940" s="92"/>
      <c r="G1940" s="92"/>
      <c r="H1940" s="92"/>
      <c r="I1940" s="94"/>
    </row>
    <row r="1941" spans="1:9" x14ac:dyDescent="0.2">
      <c r="A1941" s="38" t="str">
        <f>IF(B1938="","","（備考）")</f>
        <v/>
      </c>
      <c r="B1941" s="116"/>
      <c r="C1941" s="97"/>
      <c r="D1941" s="97"/>
      <c r="E1941" s="97"/>
      <c r="F1941" s="97"/>
      <c r="G1941" s="97"/>
      <c r="H1941" s="97"/>
      <c r="I1941" s="98"/>
    </row>
    <row r="1942" spans="1:9" x14ac:dyDescent="0.2">
      <c r="A1942" s="37" t="str">
        <f>IF(B1938="","","連絡先")</f>
        <v/>
      </c>
      <c r="B1942" s="42"/>
      <c r="C1942" s="40"/>
      <c r="D1942" s="40"/>
      <c r="E1942" s="40"/>
      <c r="F1942" s="40"/>
      <c r="G1942" s="40"/>
      <c r="H1942" s="40"/>
      <c r="I1942" s="41"/>
    </row>
    <row r="1943" spans="1:9" x14ac:dyDescent="0.2">
      <c r="A1943" s="99" t="str">
        <f>IF(B1938="","","URL")</f>
        <v/>
      </c>
      <c r="B1943" s="101"/>
      <c r="C1943" s="101"/>
      <c r="D1943" s="101"/>
      <c r="E1943" s="101"/>
      <c r="F1943" s="101"/>
      <c r="G1943" s="101"/>
      <c r="H1943" s="101"/>
      <c r="I1943" s="101"/>
    </row>
    <row r="1944" spans="1:9" x14ac:dyDescent="0.2">
      <c r="A1944" s="100"/>
      <c r="B1944" s="102"/>
      <c r="C1944" s="103"/>
      <c r="D1944" s="103"/>
      <c r="E1944" s="103"/>
      <c r="F1944" s="103"/>
      <c r="G1944" s="103"/>
      <c r="H1944" s="103"/>
      <c r="I1944" s="104"/>
    </row>
    <row r="1948" spans="1:9" ht="13.5" customHeight="1" x14ac:dyDescent="0.2">
      <c r="A1948" s="107" t="s">
        <v>351</v>
      </c>
      <c r="B1948" s="107"/>
      <c r="C1948" s="107"/>
      <c r="D1948" s="107"/>
      <c r="E1948" s="107"/>
      <c r="F1948" s="107"/>
      <c r="G1948" s="107"/>
      <c r="H1948" s="107"/>
      <c r="I1948" s="107"/>
    </row>
    <row r="1949" spans="1:9" ht="13.5" customHeight="1" x14ac:dyDescent="0.2">
      <c r="A1949" s="107"/>
      <c r="B1949" s="107"/>
      <c r="C1949" s="107"/>
      <c r="D1949" s="107"/>
      <c r="E1949" s="107"/>
      <c r="F1949" s="107"/>
      <c r="G1949" s="107"/>
      <c r="H1949" s="107"/>
      <c r="I1949" s="107"/>
    </row>
    <row r="1952" spans="1:9" x14ac:dyDescent="0.2">
      <c r="A1952" s="37" t="str">
        <f>IF(B1952="","","名称")</f>
        <v>名称</v>
      </c>
      <c r="B1952" s="84" t="s">
        <v>421</v>
      </c>
      <c r="C1952" s="84"/>
      <c r="D1952" s="84"/>
      <c r="E1952" s="84"/>
      <c r="F1952" s="84"/>
      <c r="G1952" s="84"/>
      <c r="H1952" s="84"/>
      <c r="I1952" s="84"/>
    </row>
    <row r="1953" spans="1:9" x14ac:dyDescent="0.2">
      <c r="A1953" s="85" t="str">
        <f>IF(B1952="","","内容")</f>
        <v>内容</v>
      </c>
      <c r="B1953" s="87" t="s">
        <v>111</v>
      </c>
      <c r="C1953" s="88"/>
      <c r="D1953" s="91" t="s">
        <v>120</v>
      </c>
      <c r="E1953" s="91"/>
      <c r="F1953" s="91" t="s">
        <v>109</v>
      </c>
      <c r="G1953" s="91"/>
      <c r="H1953" s="91"/>
      <c r="I1953" s="93"/>
    </row>
    <row r="1954" spans="1:9" x14ac:dyDescent="0.2">
      <c r="A1954" s="86"/>
      <c r="B1954" s="89"/>
      <c r="C1954" s="90"/>
      <c r="D1954" s="92"/>
      <c r="E1954" s="92"/>
      <c r="F1954" s="92"/>
      <c r="G1954" s="92"/>
      <c r="H1954" s="92"/>
      <c r="I1954" s="94"/>
    </row>
    <row r="1955" spans="1:9" x14ac:dyDescent="0.2">
      <c r="A1955" s="38" t="str">
        <f>IF(B1952="","","（備考）")</f>
        <v>（備考）</v>
      </c>
      <c r="B1955" s="95"/>
      <c r="C1955" s="96"/>
      <c r="D1955" s="175"/>
      <c r="E1955" s="175"/>
      <c r="F1955" s="109"/>
      <c r="G1955" s="109"/>
      <c r="H1955" s="97"/>
      <c r="I1955" s="98"/>
    </row>
    <row r="1956" spans="1:9" x14ac:dyDescent="0.2">
      <c r="A1956" s="37" t="str">
        <f>IF(B1952="","","連絡先")</f>
        <v>連絡先</v>
      </c>
      <c r="B1956" s="43" t="s">
        <v>352</v>
      </c>
      <c r="C1956" s="40"/>
      <c r="D1956" s="40" t="s">
        <v>353</v>
      </c>
      <c r="E1956" s="40"/>
      <c r="F1956" s="40"/>
      <c r="G1956" s="40"/>
      <c r="H1956" s="40"/>
      <c r="I1956" s="41"/>
    </row>
    <row r="1957" spans="1:9" x14ac:dyDescent="0.2">
      <c r="A1957" s="99" t="str">
        <f>IF(B1952="","","URL")</f>
        <v>URL</v>
      </c>
      <c r="B1957" s="101" t="s">
        <v>420</v>
      </c>
      <c r="C1957" s="101"/>
      <c r="D1957" s="101"/>
      <c r="E1957" s="101"/>
      <c r="F1957" s="101"/>
      <c r="G1957" s="101"/>
      <c r="H1957" s="101"/>
      <c r="I1957" s="101"/>
    </row>
    <row r="1958" spans="1:9" x14ac:dyDescent="0.2">
      <c r="A1958" s="100"/>
      <c r="B1958" s="102"/>
      <c r="C1958" s="103"/>
      <c r="D1958" s="103"/>
      <c r="E1958" s="103"/>
      <c r="F1958" s="103"/>
      <c r="G1958" s="103"/>
      <c r="H1958" s="103"/>
      <c r="I1958" s="104"/>
    </row>
    <row r="1961" spans="1:9" x14ac:dyDescent="0.2">
      <c r="A1961" s="37" t="str">
        <f>IF(B1961="","","名称")</f>
        <v>名称</v>
      </c>
      <c r="B1961" s="84" t="s">
        <v>354</v>
      </c>
      <c r="C1961" s="84"/>
      <c r="D1961" s="84"/>
      <c r="E1961" s="84"/>
      <c r="F1961" s="84"/>
      <c r="G1961" s="84"/>
      <c r="H1961" s="84"/>
      <c r="I1961" s="84"/>
    </row>
    <row r="1962" spans="1:9" x14ac:dyDescent="0.2">
      <c r="A1962" s="85" t="str">
        <f>IF(B1961="","","内容")</f>
        <v>内容</v>
      </c>
      <c r="B1962" s="87" t="s">
        <v>122</v>
      </c>
      <c r="C1962" s="88"/>
      <c r="D1962" s="91"/>
      <c r="E1962" s="91"/>
      <c r="F1962" s="91"/>
      <c r="G1962" s="91"/>
      <c r="H1962" s="91"/>
      <c r="I1962" s="93"/>
    </row>
    <row r="1963" spans="1:9" x14ac:dyDescent="0.2">
      <c r="A1963" s="86"/>
      <c r="B1963" s="89"/>
      <c r="C1963" s="90"/>
      <c r="D1963" s="92"/>
      <c r="E1963" s="92"/>
      <c r="F1963" s="92"/>
      <c r="G1963" s="92"/>
      <c r="H1963" s="92"/>
      <c r="I1963" s="94"/>
    </row>
    <row r="1964" spans="1:9" x14ac:dyDescent="0.2">
      <c r="A1964" s="38" t="str">
        <f>IF(B1961="","","（備考）")</f>
        <v>（備考）</v>
      </c>
      <c r="B1964" s="172"/>
      <c r="C1964" s="173"/>
      <c r="D1964" s="97"/>
      <c r="E1964" s="97"/>
      <c r="F1964" s="97"/>
      <c r="G1964" s="97"/>
      <c r="H1964" s="97"/>
      <c r="I1964" s="98"/>
    </row>
    <row r="1965" spans="1:9" x14ac:dyDescent="0.2">
      <c r="A1965" s="37" t="str">
        <f>IF(B1961="","","連絡先")</f>
        <v>連絡先</v>
      </c>
      <c r="B1965" s="43" t="s">
        <v>352</v>
      </c>
      <c r="C1965" s="40"/>
      <c r="D1965" s="40" t="s">
        <v>353</v>
      </c>
      <c r="E1965" s="40"/>
      <c r="F1965" s="40"/>
      <c r="G1965" s="40"/>
      <c r="H1965" s="40"/>
      <c r="I1965" s="41"/>
    </row>
    <row r="1966" spans="1:9" x14ac:dyDescent="0.2">
      <c r="A1966" s="99" t="str">
        <f>IF(B1961="","","URL")</f>
        <v>URL</v>
      </c>
      <c r="B1966" s="101" t="s">
        <v>355</v>
      </c>
      <c r="C1966" s="101"/>
      <c r="D1966" s="101"/>
      <c r="E1966" s="101"/>
      <c r="F1966" s="101"/>
      <c r="G1966" s="101"/>
      <c r="H1966" s="101"/>
      <c r="I1966" s="101"/>
    </row>
    <row r="1967" spans="1:9" x14ac:dyDescent="0.2">
      <c r="A1967" s="100"/>
      <c r="B1967" s="102"/>
      <c r="C1967" s="103"/>
      <c r="D1967" s="103"/>
      <c r="E1967" s="103"/>
      <c r="F1967" s="103"/>
      <c r="G1967" s="103"/>
      <c r="H1967" s="103"/>
      <c r="I1967" s="104"/>
    </row>
    <row r="1970" spans="1:9" x14ac:dyDescent="0.2">
      <c r="A1970" s="37" t="str">
        <f>IF(B1970="","","名称")</f>
        <v/>
      </c>
      <c r="B1970" s="84"/>
      <c r="C1970" s="84"/>
      <c r="D1970" s="84"/>
      <c r="E1970" s="84"/>
      <c r="F1970" s="84"/>
      <c r="G1970" s="84"/>
      <c r="H1970" s="84"/>
      <c r="I1970" s="84"/>
    </row>
    <row r="1971" spans="1:9" x14ac:dyDescent="0.2">
      <c r="A1971" s="85" t="str">
        <f>IF(B1970="","","内容")</f>
        <v/>
      </c>
      <c r="B1971" s="87"/>
      <c r="C1971" s="88"/>
      <c r="D1971" s="91"/>
      <c r="E1971" s="91"/>
      <c r="F1971" s="91"/>
      <c r="G1971" s="91"/>
      <c r="H1971" s="91"/>
      <c r="I1971" s="93"/>
    </row>
    <row r="1972" spans="1:9" x14ac:dyDescent="0.2">
      <c r="A1972" s="86"/>
      <c r="B1972" s="89"/>
      <c r="C1972" s="90"/>
      <c r="D1972" s="92"/>
      <c r="E1972" s="92"/>
      <c r="F1972" s="92"/>
      <c r="G1972" s="92"/>
      <c r="H1972" s="92"/>
      <c r="I1972" s="94"/>
    </row>
    <row r="1973" spans="1:9" x14ac:dyDescent="0.2">
      <c r="A1973" s="38" t="str">
        <f>IF(B1970="","","（備考）")</f>
        <v/>
      </c>
      <c r="B1973" s="116"/>
      <c r="C1973" s="97"/>
      <c r="D1973" s="97"/>
      <c r="E1973" s="97"/>
      <c r="F1973" s="97"/>
      <c r="G1973" s="97"/>
      <c r="H1973" s="97"/>
      <c r="I1973" s="98"/>
    </row>
    <row r="1974" spans="1:9" x14ac:dyDescent="0.2">
      <c r="A1974" s="37" t="str">
        <f>IF(B1970="","","連絡先")</f>
        <v/>
      </c>
      <c r="B1974" s="42"/>
      <c r="C1974" s="40"/>
      <c r="D1974" s="40"/>
      <c r="E1974" s="40"/>
      <c r="F1974" s="40"/>
      <c r="G1974" s="40"/>
      <c r="H1974" s="40"/>
      <c r="I1974" s="41"/>
    </row>
    <row r="1975" spans="1:9" x14ac:dyDescent="0.2">
      <c r="A1975" s="99" t="str">
        <f>IF(B1970="","","URL")</f>
        <v/>
      </c>
      <c r="B1975" s="101"/>
      <c r="C1975" s="101"/>
      <c r="D1975" s="101"/>
      <c r="E1975" s="101"/>
      <c r="F1975" s="101"/>
      <c r="G1975" s="101"/>
      <c r="H1975" s="101"/>
      <c r="I1975" s="101"/>
    </row>
    <row r="1976" spans="1:9" x14ac:dyDescent="0.2">
      <c r="A1976" s="100"/>
      <c r="B1976" s="102"/>
      <c r="C1976" s="103"/>
      <c r="D1976" s="103"/>
      <c r="E1976" s="103"/>
      <c r="F1976" s="103"/>
      <c r="G1976" s="103"/>
      <c r="H1976" s="103"/>
      <c r="I1976" s="104"/>
    </row>
    <row r="1979" spans="1:9" x14ac:dyDescent="0.2">
      <c r="A1979" s="37" t="str">
        <f>IF(B1979="","","名称")</f>
        <v/>
      </c>
      <c r="B1979" s="84"/>
      <c r="C1979" s="84"/>
      <c r="D1979" s="84"/>
      <c r="E1979" s="84"/>
      <c r="F1979" s="84"/>
      <c r="G1979" s="84"/>
      <c r="H1979" s="84"/>
      <c r="I1979" s="84"/>
    </row>
    <row r="1980" spans="1:9" x14ac:dyDescent="0.2">
      <c r="A1980" s="85" t="str">
        <f>IF(B1979="","","内容")</f>
        <v/>
      </c>
      <c r="B1980" s="87"/>
      <c r="C1980" s="88"/>
      <c r="D1980" s="91"/>
      <c r="E1980" s="91"/>
      <c r="F1980" s="91"/>
      <c r="G1980" s="91"/>
      <c r="H1980" s="91"/>
      <c r="I1980" s="93"/>
    </row>
    <row r="1981" spans="1:9" x14ac:dyDescent="0.2">
      <c r="A1981" s="86"/>
      <c r="B1981" s="89"/>
      <c r="C1981" s="90"/>
      <c r="D1981" s="92"/>
      <c r="E1981" s="92"/>
      <c r="F1981" s="92"/>
      <c r="G1981" s="92"/>
      <c r="H1981" s="92"/>
      <c r="I1981" s="94"/>
    </row>
    <row r="1982" spans="1:9" x14ac:dyDescent="0.2">
      <c r="A1982" s="38" t="str">
        <f>IF(B1979="","","（備考）")</f>
        <v/>
      </c>
      <c r="B1982" s="116"/>
      <c r="C1982" s="97"/>
      <c r="D1982" s="97"/>
      <c r="E1982" s="97"/>
      <c r="F1982" s="97"/>
      <c r="G1982" s="97"/>
      <c r="H1982" s="97"/>
      <c r="I1982" s="98"/>
    </row>
    <row r="1983" spans="1:9" x14ac:dyDescent="0.2">
      <c r="A1983" s="37" t="str">
        <f>IF(B1979="","","連絡先")</f>
        <v/>
      </c>
      <c r="B1983" s="42"/>
      <c r="C1983" s="40"/>
      <c r="D1983" s="40"/>
      <c r="E1983" s="40"/>
      <c r="F1983" s="40"/>
      <c r="G1983" s="40"/>
      <c r="H1983" s="40"/>
      <c r="I1983" s="41"/>
    </row>
    <row r="1984" spans="1:9" x14ac:dyDescent="0.2">
      <c r="A1984" s="99" t="str">
        <f>IF(B1979="","","URL")</f>
        <v/>
      </c>
      <c r="B1984" s="101"/>
      <c r="C1984" s="101"/>
      <c r="D1984" s="101"/>
      <c r="E1984" s="101"/>
      <c r="F1984" s="101"/>
      <c r="G1984" s="101"/>
      <c r="H1984" s="101"/>
      <c r="I1984" s="101"/>
    </row>
    <row r="1985" spans="1:9" x14ac:dyDescent="0.2">
      <c r="A1985" s="100"/>
      <c r="B1985" s="102"/>
      <c r="C1985" s="103"/>
      <c r="D1985" s="103"/>
      <c r="E1985" s="103"/>
      <c r="F1985" s="103"/>
      <c r="G1985" s="103"/>
      <c r="H1985" s="103"/>
      <c r="I1985" s="104"/>
    </row>
    <row r="1988" spans="1:9" x14ac:dyDescent="0.2">
      <c r="A1988" s="37" t="str">
        <f>IF(B1988="","","名称")</f>
        <v/>
      </c>
      <c r="B1988" s="84"/>
      <c r="C1988" s="84"/>
      <c r="D1988" s="84"/>
      <c r="E1988" s="84"/>
      <c r="F1988" s="84"/>
      <c r="G1988" s="84"/>
      <c r="H1988" s="84"/>
      <c r="I1988" s="84"/>
    </row>
    <row r="1989" spans="1:9" x14ac:dyDescent="0.2">
      <c r="A1989" s="85" t="str">
        <f>IF(B1988="","","内容")</f>
        <v/>
      </c>
      <c r="B1989" s="87"/>
      <c r="C1989" s="88"/>
      <c r="D1989" s="91"/>
      <c r="E1989" s="91"/>
      <c r="F1989" s="91"/>
      <c r="G1989" s="91"/>
      <c r="H1989" s="91"/>
      <c r="I1989" s="93"/>
    </row>
    <row r="1990" spans="1:9" x14ac:dyDescent="0.2">
      <c r="A1990" s="86"/>
      <c r="B1990" s="89"/>
      <c r="C1990" s="90"/>
      <c r="D1990" s="92"/>
      <c r="E1990" s="92"/>
      <c r="F1990" s="92"/>
      <c r="G1990" s="92"/>
      <c r="H1990" s="92"/>
      <c r="I1990" s="94"/>
    </row>
    <row r="1991" spans="1:9" x14ac:dyDescent="0.2">
      <c r="A1991" s="38" t="str">
        <f>IF(B1988="","","（備考）")</f>
        <v/>
      </c>
      <c r="B1991" s="116"/>
      <c r="C1991" s="97"/>
      <c r="D1991" s="97"/>
      <c r="E1991" s="97"/>
      <c r="F1991" s="97"/>
      <c r="G1991" s="97"/>
      <c r="H1991" s="97"/>
      <c r="I1991" s="98"/>
    </row>
    <row r="1992" spans="1:9" x14ac:dyDescent="0.2">
      <c r="A1992" s="37" t="str">
        <f>IF(B1988="","","連絡先")</f>
        <v/>
      </c>
      <c r="B1992" s="42"/>
      <c r="C1992" s="40"/>
      <c r="D1992" s="40"/>
      <c r="E1992" s="40"/>
      <c r="F1992" s="40"/>
      <c r="G1992" s="40"/>
      <c r="H1992" s="40"/>
      <c r="I1992" s="41"/>
    </row>
    <row r="1993" spans="1:9" x14ac:dyDescent="0.2">
      <c r="A1993" s="99" t="str">
        <f>IF(B1988="","","URL")</f>
        <v/>
      </c>
      <c r="B1993" s="101"/>
      <c r="C1993" s="101"/>
      <c r="D1993" s="101"/>
      <c r="E1993" s="101"/>
      <c r="F1993" s="101"/>
      <c r="G1993" s="101"/>
      <c r="H1993" s="101"/>
      <c r="I1993" s="101"/>
    </row>
    <row r="1994" spans="1:9" x14ac:dyDescent="0.2">
      <c r="A1994" s="100"/>
      <c r="B1994" s="102"/>
      <c r="C1994" s="103"/>
      <c r="D1994" s="103"/>
      <c r="E1994" s="103"/>
      <c r="F1994" s="103"/>
      <c r="G1994" s="103"/>
      <c r="H1994" s="103"/>
      <c r="I1994" s="104"/>
    </row>
    <row r="1997" spans="1:9" x14ac:dyDescent="0.2">
      <c r="A1997" s="37" t="str">
        <f>IF(B1997="","","名称")</f>
        <v/>
      </c>
      <c r="B1997" s="84"/>
      <c r="C1997" s="84"/>
      <c r="D1997" s="84"/>
      <c r="E1997" s="84"/>
      <c r="F1997" s="84"/>
      <c r="G1997" s="84"/>
      <c r="H1997" s="84"/>
      <c r="I1997" s="84"/>
    </row>
    <row r="1998" spans="1:9" x14ac:dyDescent="0.2">
      <c r="A1998" s="85" t="str">
        <f>IF(B1997="","","内容")</f>
        <v/>
      </c>
      <c r="B1998" s="87"/>
      <c r="C1998" s="88"/>
      <c r="D1998" s="91"/>
      <c r="E1998" s="91"/>
      <c r="F1998" s="91"/>
      <c r="G1998" s="91"/>
      <c r="H1998" s="91"/>
      <c r="I1998" s="93"/>
    </row>
    <row r="1999" spans="1:9" x14ac:dyDescent="0.2">
      <c r="A1999" s="86"/>
      <c r="B1999" s="89"/>
      <c r="C1999" s="90"/>
      <c r="D1999" s="92"/>
      <c r="E1999" s="92"/>
      <c r="F1999" s="92"/>
      <c r="G1999" s="92"/>
      <c r="H1999" s="92"/>
      <c r="I1999" s="94"/>
    </row>
    <row r="2000" spans="1:9" x14ac:dyDescent="0.2">
      <c r="A2000" s="38" t="str">
        <f>IF(B1997="","","（備考）")</f>
        <v/>
      </c>
      <c r="B2000" s="116"/>
      <c r="C2000" s="97"/>
      <c r="D2000" s="97"/>
      <c r="E2000" s="97"/>
      <c r="F2000" s="97"/>
      <c r="G2000" s="97"/>
      <c r="H2000" s="97"/>
      <c r="I2000" s="98"/>
    </row>
    <row r="2001" spans="1:9" x14ac:dyDescent="0.2">
      <c r="A2001" s="37" t="str">
        <f>IF(B1997="","","連絡先")</f>
        <v/>
      </c>
      <c r="B2001" s="42"/>
      <c r="C2001" s="40"/>
      <c r="D2001" s="40"/>
      <c r="E2001" s="40"/>
      <c r="F2001" s="40"/>
      <c r="G2001" s="40"/>
      <c r="H2001" s="40"/>
      <c r="I2001" s="41"/>
    </row>
    <row r="2002" spans="1:9" x14ac:dyDescent="0.2">
      <c r="A2002" s="99" t="str">
        <f>IF(B1997="","","URL")</f>
        <v/>
      </c>
      <c r="B2002" s="101"/>
      <c r="C2002" s="101"/>
      <c r="D2002" s="101"/>
      <c r="E2002" s="101"/>
      <c r="F2002" s="101"/>
      <c r="G2002" s="101"/>
      <c r="H2002" s="101"/>
      <c r="I2002" s="101"/>
    </row>
    <row r="2003" spans="1:9" x14ac:dyDescent="0.2">
      <c r="A2003" s="100"/>
      <c r="B2003" s="102"/>
      <c r="C2003" s="103"/>
      <c r="D2003" s="103"/>
      <c r="E2003" s="103"/>
      <c r="F2003" s="103"/>
      <c r="G2003" s="103"/>
      <c r="H2003" s="103"/>
      <c r="I2003" s="104"/>
    </row>
    <row r="2007" spans="1:9" ht="13.5" customHeight="1" x14ac:dyDescent="0.2">
      <c r="A2007" s="107" t="s">
        <v>356</v>
      </c>
      <c r="B2007" s="107"/>
      <c r="C2007" s="107"/>
      <c r="D2007" s="107"/>
      <c r="E2007" s="107"/>
      <c r="F2007" s="107"/>
      <c r="G2007" s="107"/>
      <c r="H2007" s="107"/>
      <c r="I2007" s="107"/>
    </row>
    <row r="2008" spans="1:9" ht="13.5" customHeight="1" x14ac:dyDescent="0.2">
      <c r="A2008" s="107"/>
      <c r="B2008" s="107"/>
      <c r="C2008" s="107"/>
      <c r="D2008" s="107"/>
      <c r="E2008" s="107"/>
      <c r="F2008" s="107"/>
      <c r="G2008" s="107"/>
      <c r="H2008" s="107"/>
      <c r="I2008" s="107"/>
    </row>
    <row r="2011" spans="1:9" x14ac:dyDescent="0.2">
      <c r="A2011" s="37" t="str">
        <f>IF(B2011="","","名称")</f>
        <v>名称</v>
      </c>
      <c r="B2011" s="84" t="s">
        <v>357</v>
      </c>
      <c r="C2011" s="84"/>
      <c r="D2011" s="84"/>
      <c r="E2011" s="84"/>
      <c r="F2011" s="84"/>
      <c r="G2011" s="84"/>
      <c r="H2011" s="84"/>
      <c r="I2011" s="84"/>
    </row>
    <row r="2012" spans="1:9" x14ac:dyDescent="0.2">
      <c r="A2012" s="85" t="str">
        <f>IF(B2011="","","内容")</f>
        <v>内容</v>
      </c>
      <c r="B2012" s="87" t="s">
        <v>109</v>
      </c>
      <c r="C2012" s="88"/>
      <c r="D2012" s="91"/>
      <c r="E2012" s="91"/>
      <c r="F2012" s="91"/>
      <c r="G2012" s="91"/>
      <c r="H2012" s="91"/>
      <c r="I2012" s="93"/>
    </row>
    <row r="2013" spans="1:9" x14ac:dyDescent="0.2">
      <c r="A2013" s="86"/>
      <c r="B2013" s="89"/>
      <c r="C2013" s="90"/>
      <c r="D2013" s="92"/>
      <c r="E2013" s="92"/>
      <c r="F2013" s="92"/>
      <c r="G2013" s="92"/>
      <c r="H2013" s="92"/>
      <c r="I2013" s="94"/>
    </row>
    <row r="2014" spans="1:9" x14ac:dyDescent="0.2">
      <c r="A2014" s="38" t="str">
        <f>IF(B2011="","","（備考）")</f>
        <v>（備考）</v>
      </c>
      <c r="B2014" s="108"/>
      <c r="C2014" s="109"/>
      <c r="D2014" s="97"/>
      <c r="E2014" s="97"/>
      <c r="F2014" s="97"/>
      <c r="G2014" s="97"/>
      <c r="H2014" s="97"/>
      <c r="I2014" s="98"/>
    </row>
    <row r="2015" spans="1:9" x14ac:dyDescent="0.2">
      <c r="A2015" s="37" t="str">
        <f>IF(B2011="","","連絡先")</f>
        <v>連絡先</v>
      </c>
      <c r="B2015" s="43" t="s">
        <v>358</v>
      </c>
      <c r="C2015" s="40"/>
      <c r="D2015" s="40" t="s">
        <v>99</v>
      </c>
      <c r="E2015" s="40"/>
      <c r="F2015" s="40"/>
      <c r="G2015" s="40"/>
      <c r="H2015" s="40"/>
      <c r="I2015" s="41"/>
    </row>
    <row r="2016" spans="1:9" x14ac:dyDescent="0.2">
      <c r="A2016" s="99" t="str">
        <f>IF(B2011="","","URL")</f>
        <v>URL</v>
      </c>
      <c r="B2016" s="101" t="s">
        <v>465</v>
      </c>
      <c r="C2016" s="101"/>
      <c r="D2016" s="101"/>
      <c r="E2016" s="101"/>
      <c r="F2016" s="101"/>
      <c r="G2016" s="101"/>
      <c r="H2016" s="101"/>
      <c r="I2016" s="101"/>
    </row>
    <row r="2017" spans="1:9" x14ac:dyDescent="0.2">
      <c r="A2017" s="100"/>
      <c r="B2017" s="102"/>
      <c r="C2017" s="103"/>
      <c r="D2017" s="103"/>
      <c r="E2017" s="103"/>
      <c r="F2017" s="103"/>
      <c r="G2017" s="103"/>
      <c r="H2017" s="103"/>
      <c r="I2017" s="104"/>
    </row>
    <row r="2020" spans="1:9" x14ac:dyDescent="0.2">
      <c r="A2020" s="37" t="str">
        <f>IF(B2020="","","名称")</f>
        <v>名称</v>
      </c>
      <c r="B2020" s="84" t="s">
        <v>466</v>
      </c>
      <c r="C2020" s="84"/>
      <c r="D2020" s="84"/>
      <c r="E2020" s="84"/>
      <c r="F2020" s="84"/>
      <c r="G2020" s="84"/>
      <c r="H2020" s="84"/>
      <c r="I2020" s="84"/>
    </row>
    <row r="2021" spans="1:9" x14ac:dyDescent="0.2">
      <c r="A2021" s="85" t="str">
        <f>IF(B2020="","","内容")</f>
        <v>内容</v>
      </c>
      <c r="B2021" s="87" t="s">
        <v>120</v>
      </c>
      <c r="C2021" s="88"/>
      <c r="D2021" s="91"/>
      <c r="E2021" s="91"/>
      <c r="F2021" s="91"/>
      <c r="G2021" s="91"/>
      <c r="H2021" s="91"/>
      <c r="I2021" s="93"/>
    </row>
    <row r="2022" spans="1:9" x14ac:dyDescent="0.2">
      <c r="A2022" s="86"/>
      <c r="B2022" s="89"/>
      <c r="C2022" s="90"/>
      <c r="D2022" s="92"/>
      <c r="E2022" s="92"/>
      <c r="F2022" s="92"/>
      <c r="G2022" s="92"/>
      <c r="H2022" s="92"/>
      <c r="I2022" s="94"/>
    </row>
    <row r="2023" spans="1:9" x14ac:dyDescent="0.2">
      <c r="A2023" s="38" t="str">
        <f>IF(B2020="","","（備考）")</f>
        <v>（備考）</v>
      </c>
      <c r="B2023" s="174" t="s">
        <v>467</v>
      </c>
      <c r="C2023" s="175"/>
      <c r="D2023" s="155"/>
      <c r="E2023" s="155"/>
      <c r="F2023" s="97"/>
      <c r="G2023" s="97"/>
      <c r="H2023" s="97"/>
      <c r="I2023" s="98"/>
    </row>
    <row r="2024" spans="1:9" x14ac:dyDescent="0.2">
      <c r="A2024" s="37" t="str">
        <f>IF(B2020="","","連絡先")</f>
        <v>連絡先</v>
      </c>
      <c r="B2024" s="43" t="s">
        <v>358</v>
      </c>
      <c r="C2024" s="40"/>
      <c r="D2024" s="40" t="s">
        <v>99</v>
      </c>
      <c r="E2024" s="40"/>
      <c r="F2024" s="40"/>
      <c r="G2024" s="40"/>
      <c r="H2024" s="40"/>
      <c r="I2024" s="41"/>
    </row>
    <row r="2025" spans="1:9" x14ac:dyDescent="0.2">
      <c r="A2025" s="99" t="str">
        <f>IF(B2020="","","URL")</f>
        <v>URL</v>
      </c>
      <c r="B2025" s="149" t="s">
        <v>465</v>
      </c>
      <c r="C2025" s="149"/>
      <c r="D2025" s="149"/>
      <c r="E2025" s="149"/>
      <c r="F2025" s="149"/>
      <c r="G2025" s="149"/>
      <c r="H2025" s="149"/>
      <c r="I2025" s="149"/>
    </row>
    <row r="2026" spans="1:9" x14ac:dyDescent="0.2">
      <c r="A2026" s="100"/>
      <c r="B2026" s="161"/>
      <c r="C2026" s="162"/>
      <c r="D2026" s="162"/>
      <c r="E2026" s="162"/>
      <c r="F2026" s="162"/>
      <c r="G2026" s="162"/>
      <c r="H2026" s="162"/>
      <c r="I2026" s="163"/>
    </row>
    <row r="2029" spans="1:9" x14ac:dyDescent="0.2">
      <c r="A2029" s="37" t="str">
        <f>IF(B2029="","","名称")</f>
        <v/>
      </c>
      <c r="B2029" s="84"/>
      <c r="C2029" s="84"/>
      <c r="D2029" s="84"/>
      <c r="E2029" s="84"/>
      <c r="F2029" s="84"/>
      <c r="G2029" s="84"/>
      <c r="H2029" s="84"/>
      <c r="I2029" s="84"/>
    </row>
    <row r="2030" spans="1:9" x14ac:dyDescent="0.2">
      <c r="A2030" s="85" t="str">
        <f>IF(B2029="","","内容")</f>
        <v/>
      </c>
      <c r="B2030" s="87"/>
      <c r="C2030" s="88"/>
      <c r="D2030" s="91"/>
      <c r="E2030" s="91"/>
      <c r="F2030" s="91"/>
      <c r="G2030" s="91"/>
      <c r="H2030" s="91"/>
      <c r="I2030" s="93"/>
    </row>
    <row r="2031" spans="1:9" x14ac:dyDescent="0.2">
      <c r="A2031" s="86"/>
      <c r="B2031" s="89"/>
      <c r="C2031" s="90"/>
      <c r="D2031" s="92"/>
      <c r="E2031" s="92"/>
      <c r="F2031" s="92"/>
      <c r="G2031" s="92"/>
      <c r="H2031" s="92"/>
      <c r="I2031" s="94"/>
    </row>
    <row r="2032" spans="1:9" x14ac:dyDescent="0.2">
      <c r="A2032" s="38" t="str">
        <f>IF(B2029="","","（備考）")</f>
        <v/>
      </c>
      <c r="B2032" s="116"/>
      <c r="C2032" s="97"/>
      <c r="D2032" s="97"/>
      <c r="E2032" s="97"/>
      <c r="F2032" s="97"/>
      <c r="G2032" s="97"/>
      <c r="H2032" s="97"/>
      <c r="I2032" s="98"/>
    </row>
    <row r="2033" spans="1:9" x14ac:dyDescent="0.2">
      <c r="A2033" s="37" t="str">
        <f>IF(B2029="","","連絡先")</f>
        <v/>
      </c>
      <c r="B2033" s="42"/>
      <c r="C2033" s="40"/>
      <c r="D2033" s="40"/>
      <c r="E2033" s="40"/>
      <c r="F2033" s="40"/>
      <c r="G2033" s="40"/>
      <c r="H2033" s="40"/>
      <c r="I2033" s="41"/>
    </row>
    <row r="2034" spans="1:9" x14ac:dyDescent="0.2">
      <c r="A2034" s="99" t="str">
        <f>IF(B2029="","","URL")</f>
        <v/>
      </c>
      <c r="B2034" s="101"/>
      <c r="C2034" s="101"/>
      <c r="D2034" s="101"/>
      <c r="E2034" s="101"/>
      <c r="F2034" s="101"/>
      <c r="G2034" s="101"/>
      <c r="H2034" s="101"/>
      <c r="I2034" s="101"/>
    </row>
    <row r="2035" spans="1:9" x14ac:dyDescent="0.2">
      <c r="A2035" s="100"/>
      <c r="B2035" s="102"/>
      <c r="C2035" s="103"/>
      <c r="D2035" s="103"/>
      <c r="E2035" s="103"/>
      <c r="F2035" s="103"/>
      <c r="G2035" s="103"/>
      <c r="H2035" s="103"/>
      <c r="I2035" s="104"/>
    </row>
    <row r="2038" spans="1:9" x14ac:dyDescent="0.2">
      <c r="A2038" s="37" t="str">
        <f>IF(B2038="","","名称")</f>
        <v/>
      </c>
      <c r="B2038" s="84"/>
      <c r="C2038" s="84"/>
      <c r="D2038" s="84"/>
      <c r="E2038" s="84"/>
      <c r="F2038" s="84"/>
      <c r="G2038" s="84"/>
      <c r="H2038" s="84"/>
      <c r="I2038" s="84"/>
    </row>
    <row r="2039" spans="1:9" x14ac:dyDescent="0.2">
      <c r="A2039" s="85" t="str">
        <f>IF(B2038="","","内容")</f>
        <v/>
      </c>
      <c r="B2039" s="87"/>
      <c r="C2039" s="88"/>
      <c r="D2039" s="91"/>
      <c r="E2039" s="91"/>
      <c r="F2039" s="91"/>
      <c r="G2039" s="91"/>
      <c r="H2039" s="91"/>
      <c r="I2039" s="93"/>
    </row>
    <row r="2040" spans="1:9" x14ac:dyDescent="0.2">
      <c r="A2040" s="86"/>
      <c r="B2040" s="89"/>
      <c r="C2040" s="90"/>
      <c r="D2040" s="92"/>
      <c r="E2040" s="92"/>
      <c r="F2040" s="92"/>
      <c r="G2040" s="92"/>
      <c r="H2040" s="92"/>
      <c r="I2040" s="94"/>
    </row>
    <row r="2041" spans="1:9" x14ac:dyDescent="0.2">
      <c r="A2041" s="38" t="str">
        <f>IF(B2038="","","（備考）")</f>
        <v/>
      </c>
      <c r="B2041" s="116"/>
      <c r="C2041" s="97"/>
      <c r="D2041" s="97"/>
      <c r="E2041" s="97"/>
      <c r="F2041" s="97"/>
      <c r="G2041" s="97"/>
      <c r="H2041" s="97"/>
      <c r="I2041" s="98"/>
    </row>
    <row r="2042" spans="1:9" x14ac:dyDescent="0.2">
      <c r="A2042" s="37" t="str">
        <f>IF(B2038="","","連絡先")</f>
        <v/>
      </c>
      <c r="B2042" s="42"/>
      <c r="C2042" s="40"/>
      <c r="D2042" s="40"/>
      <c r="E2042" s="40"/>
      <c r="F2042" s="40"/>
      <c r="G2042" s="40"/>
      <c r="H2042" s="40"/>
      <c r="I2042" s="41"/>
    </row>
    <row r="2043" spans="1:9" x14ac:dyDescent="0.2">
      <c r="A2043" s="99" t="str">
        <f>IF(B2038="","","URL")</f>
        <v/>
      </c>
      <c r="B2043" s="101"/>
      <c r="C2043" s="101"/>
      <c r="D2043" s="101"/>
      <c r="E2043" s="101"/>
      <c r="F2043" s="101"/>
      <c r="G2043" s="101"/>
      <c r="H2043" s="101"/>
      <c r="I2043" s="101"/>
    </row>
    <row r="2044" spans="1:9" x14ac:dyDescent="0.2">
      <c r="A2044" s="100"/>
      <c r="B2044" s="102"/>
      <c r="C2044" s="103"/>
      <c r="D2044" s="103"/>
      <c r="E2044" s="103"/>
      <c r="F2044" s="103"/>
      <c r="G2044" s="103"/>
      <c r="H2044" s="103"/>
      <c r="I2044" s="104"/>
    </row>
    <row r="2047" spans="1:9" x14ac:dyDescent="0.2">
      <c r="A2047" s="37" t="str">
        <f>IF(B2047="","","名称")</f>
        <v/>
      </c>
      <c r="B2047" s="84"/>
      <c r="C2047" s="84"/>
      <c r="D2047" s="84"/>
      <c r="E2047" s="84"/>
      <c r="F2047" s="84"/>
      <c r="G2047" s="84"/>
      <c r="H2047" s="84"/>
      <c r="I2047" s="84"/>
    </row>
    <row r="2048" spans="1:9" x14ac:dyDescent="0.2">
      <c r="A2048" s="85" t="str">
        <f>IF(B2047="","","内容")</f>
        <v/>
      </c>
      <c r="B2048" s="87"/>
      <c r="C2048" s="88"/>
      <c r="D2048" s="91"/>
      <c r="E2048" s="91"/>
      <c r="F2048" s="91"/>
      <c r="G2048" s="91"/>
      <c r="H2048" s="91"/>
      <c r="I2048" s="93"/>
    </row>
    <row r="2049" spans="1:9" x14ac:dyDescent="0.2">
      <c r="A2049" s="86"/>
      <c r="B2049" s="89"/>
      <c r="C2049" s="90"/>
      <c r="D2049" s="92"/>
      <c r="E2049" s="92"/>
      <c r="F2049" s="92"/>
      <c r="G2049" s="92"/>
      <c r="H2049" s="92"/>
      <c r="I2049" s="94"/>
    </row>
    <row r="2050" spans="1:9" x14ac:dyDescent="0.2">
      <c r="A2050" s="38" t="str">
        <f>IF(B2047="","","（備考）")</f>
        <v/>
      </c>
      <c r="B2050" s="116"/>
      <c r="C2050" s="97"/>
      <c r="D2050" s="97"/>
      <c r="E2050" s="97"/>
      <c r="F2050" s="97"/>
      <c r="G2050" s="97"/>
      <c r="H2050" s="97"/>
      <c r="I2050" s="98"/>
    </row>
    <row r="2051" spans="1:9" x14ac:dyDescent="0.2">
      <c r="A2051" s="37" t="str">
        <f>IF(B2047="","","連絡先")</f>
        <v/>
      </c>
      <c r="B2051" s="42"/>
      <c r="C2051" s="40"/>
      <c r="D2051" s="40"/>
      <c r="E2051" s="40"/>
      <c r="F2051" s="40"/>
      <c r="G2051" s="40"/>
      <c r="H2051" s="40"/>
      <c r="I2051" s="41"/>
    </row>
    <row r="2052" spans="1:9" x14ac:dyDescent="0.2">
      <c r="A2052" s="99" t="str">
        <f>IF(B2047="","","URL")</f>
        <v/>
      </c>
      <c r="B2052" s="101"/>
      <c r="C2052" s="101"/>
      <c r="D2052" s="101"/>
      <c r="E2052" s="101"/>
      <c r="F2052" s="101"/>
      <c r="G2052" s="101"/>
      <c r="H2052" s="101"/>
      <c r="I2052" s="101"/>
    </row>
    <row r="2053" spans="1:9" x14ac:dyDescent="0.2">
      <c r="A2053" s="100"/>
      <c r="B2053" s="102"/>
      <c r="C2053" s="103"/>
      <c r="D2053" s="103"/>
      <c r="E2053" s="103"/>
      <c r="F2053" s="103"/>
      <c r="G2053" s="103"/>
      <c r="H2053" s="103"/>
      <c r="I2053" s="104"/>
    </row>
    <row r="2056" spans="1:9" x14ac:dyDescent="0.2">
      <c r="A2056" s="37" t="str">
        <f>IF(B2056="","","名称")</f>
        <v/>
      </c>
      <c r="B2056" s="84"/>
      <c r="C2056" s="84"/>
      <c r="D2056" s="84"/>
      <c r="E2056" s="84"/>
      <c r="F2056" s="84"/>
      <c r="G2056" s="84"/>
      <c r="H2056" s="84"/>
      <c r="I2056" s="84"/>
    </row>
    <row r="2057" spans="1:9" x14ac:dyDescent="0.2">
      <c r="A2057" s="85" t="str">
        <f>IF(B2056="","","内容")</f>
        <v/>
      </c>
      <c r="B2057" s="87"/>
      <c r="C2057" s="88"/>
      <c r="D2057" s="91"/>
      <c r="E2057" s="91"/>
      <c r="F2057" s="91"/>
      <c r="G2057" s="91"/>
      <c r="H2057" s="91"/>
      <c r="I2057" s="93"/>
    </row>
    <row r="2058" spans="1:9" x14ac:dyDescent="0.2">
      <c r="A2058" s="86"/>
      <c r="B2058" s="89"/>
      <c r="C2058" s="90"/>
      <c r="D2058" s="92"/>
      <c r="E2058" s="92"/>
      <c r="F2058" s="92"/>
      <c r="G2058" s="92"/>
      <c r="H2058" s="92"/>
      <c r="I2058" s="94"/>
    </row>
    <row r="2059" spans="1:9" x14ac:dyDescent="0.2">
      <c r="A2059" s="38" t="str">
        <f>IF(B2056="","","（備考）")</f>
        <v/>
      </c>
      <c r="B2059" s="116"/>
      <c r="C2059" s="97"/>
      <c r="D2059" s="97"/>
      <c r="E2059" s="97"/>
      <c r="F2059" s="97"/>
      <c r="G2059" s="97"/>
      <c r="H2059" s="97"/>
      <c r="I2059" s="98"/>
    </row>
    <row r="2060" spans="1:9" x14ac:dyDescent="0.2">
      <c r="A2060" s="37" t="str">
        <f>IF(B2056="","","連絡先")</f>
        <v/>
      </c>
      <c r="B2060" s="42"/>
      <c r="C2060" s="40"/>
      <c r="D2060" s="40"/>
      <c r="E2060" s="40"/>
      <c r="F2060" s="40"/>
      <c r="G2060" s="40"/>
      <c r="H2060" s="40"/>
      <c r="I2060" s="41"/>
    </row>
    <row r="2061" spans="1:9" x14ac:dyDescent="0.2">
      <c r="A2061" s="99" t="str">
        <f>IF(B2056="","","URL")</f>
        <v/>
      </c>
      <c r="B2061" s="101"/>
      <c r="C2061" s="101"/>
      <c r="D2061" s="101"/>
      <c r="E2061" s="101"/>
      <c r="F2061" s="101"/>
      <c r="G2061" s="101"/>
      <c r="H2061" s="101"/>
      <c r="I2061" s="101"/>
    </row>
    <row r="2062" spans="1:9" x14ac:dyDescent="0.2">
      <c r="A2062" s="100"/>
      <c r="B2062" s="102"/>
      <c r="C2062" s="103"/>
      <c r="D2062" s="103"/>
      <c r="E2062" s="103"/>
      <c r="F2062" s="103"/>
      <c r="G2062" s="103"/>
      <c r="H2062" s="103"/>
      <c r="I2062" s="104"/>
    </row>
    <row r="2066" spans="1:9" ht="13.5" customHeight="1" x14ac:dyDescent="0.2">
      <c r="A2066" s="107" t="s">
        <v>359</v>
      </c>
      <c r="B2066" s="107"/>
      <c r="C2066" s="107"/>
      <c r="D2066" s="107"/>
      <c r="E2066" s="107"/>
      <c r="F2066" s="107"/>
      <c r="G2066" s="107"/>
      <c r="H2066" s="107"/>
      <c r="I2066" s="107"/>
    </row>
    <row r="2067" spans="1:9" ht="13.5" customHeight="1" x14ac:dyDescent="0.2">
      <c r="A2067" s="107"/>
      <c r="B2067" s="107"/>
      <c r="C2067" s="107"/>
      <c r="D2067" s="107"/>
      <c r="E2067" s="107"/>
      <c r="F2067" s="107"/>
      <c r="G2067" s="107"/>
      <c r="H2067" s="107"/>
      <c r="I2067" s="107"/>
    </row>
    <row r="2070" spans="1:9" x14ac:dyDescent="0.2">
      <c r="A2070" s="37" t="str">
        <f>IF(B2070="","","名称")</f>
        <v>名称</v>
      </c>
      <c r="B2070" s="84" t="s">
        <v>422</v>
      </c>
      <c r="C2070" s="84"/>
      <c r="D2070" s="84"/>
      <c r="E2070" s="84"/>
      <c r="F2070" s="84"/>
      <c r="G2070" s="84"/>
      <c r="H2070" s="84"/>
      <c r="I2070" s="84"/>
    </row>
    <row r="2071" spans="1:9" x14ac:dyDescent="0.2">
      <c r="A2071" s="85" t="str">
        <f>IF(B2070="","","内容")</f>
        <v>内容</v>
      </c>
      <c r="B2071" s="87" t="s">
        <v>120</v>
      </c>
      <c r="C2071" s="88"/>
      <c r="D2071" s="91"/>
      <c r="E2071" s="91"/>
      <c r="F2071" s="91"/>
      <c r="G2071" s="91"/>
      <c r="H2071" s="91"/>
      <c r="I2071" s="93"/>
    </row>
    <row r="2072" spans="1:9" x14ac:dyDescent="0.2">
      <c r="A2072" s="86"/>
      <c r="B2072" s="89"/>
      <c r="C2072" s="90"/>
      <c r="D2072" s="92"/>
      <c r="E2072" s="92"/>
      <c r="F2072" s="92"/>
      <c r="G2072" s="92"/>
      <c r="H2072" s="92"/>
      <c r="I2072" s="94"/>
    </row>
    <row r="2073" spans="1:9" x14ac:dyDescent="0.2">
      <c r="A2073" s="38" t="str">
        <f>IF(B2070="","","（備考）")</f>
        <v>（備考）</v>
      </c>
      <c r="B2073" s="174"/>
      <c r="C2073" s="175"/>
      <c r="D2073" s="97"/>
      <c r="E2073" s="97"/>
      <c r="F2073" s="97"/>
      <c r="G2073" s="97"/>
      <c r="H2073" s="97"/>
      <c r="I2073" s="98"/>
    </row>
    <row r="2074" spans="1:9" x14ac:dyDescent="0.2">
      <c r="A2074" s="37" t="str">
        <f>IF(B2070="","","連絡先")</f>
        <v>連絡先</v>
      </c>
      <c r="B2074" s="43" t="s">
        <v>360</v>
      </c>
      <c r="C2074" s="40"/>
      <c r="D2074" s="40" t="s">
        <v>106</v>
      </c>
      <c r="E2074" s="40"/>
      <c r="F2074" s="40"/>
      <c r="G2074" s="40"/>
      <c r="H2074" s="40"/>
      <c r="I2074" s="41"/>
    </row>
    <row r="2075" spans="1:9" x14ac:dyDescent="0.2">
      <c r="A2075" s="99" t="str">
        <f>IF(B2070="","","URL")</f>
        <v>URL</v>
      </c>
      <c r="B2075" s="101" t="s">
        <v>423</v>
      </c>
      <c r="C2075" s="101"/>
      <c r="D2075" s="101"/>
      <c r="E2075" s="101"/>
      <c r="F2075" s="101"/>
      <c r="G2075" s="101"/>
      <c r="H2075" s="101"/>
      <c r="I2075" s="101"/>
    </row>
    <row r="2076" spans="1:9" x14ac:dyDescent="0.2">
      <c r="A2076" s="100"/>
      <c r="B2076" s="102"/>
      <c r="C2076" s="103"/>
      <c r="D2076" s="103"/>
      <c r="E2076" s="103"/>
      <c r="F2076" s="103"/>
      <c r="G2076" s="103"/>
      <c r="H2076" s="103"/>
      <c r="I2076" s="104"/>
    </row>
    <row r="2079" spans="1:9" x14ac:dyDescent="0.2">
      <c r="A2079" s="37" t="str">
        <f>IF(B2079="","","名称")</f>
        <v>名称</v>
      </c>
      <c r="B2079" s="84" t="s">
        <v>361</v>
      </c>
      <c r="C2079" s="84"/>
      <c r="D2079" s="84"/>
      <c r="E2079" s="84"/>
      <c r="F2079" s="84"/>
      <c r="G2079" s="84"/>
      <c r="H2079" s="84"/>
      <c r="I2079" s="84"/>
    </row>
    <row r="2080" spans="1:9" x14ac:dyDescent="0.2">
      <c r="A2080" s="85" t="str">
        <f>IF(B2079="","","内容")</f>
        <v>内容</v>
      </c>
      <c r="B2080" s="87" t="s">
        <v>109</v>
      </c>
      <c r="C2080" s="88"/>
      <c r="D2080" s="91"/>
      <c r="E2080" s="91"/>
      <c r="F2080" s="91"/>
      <c r="G2080" s="91"/>
      <c r="H2080" s="91"/>
      <c r="I2080" s="93"/>
    </row>
    <row r="2081" spans="1:9" x14ac:dyDescent="0.2">
      <c r="A2081" s="86"/>
      <c r="B2081" s="89"/>
      <c r="C2081" s="90"/>
      <c r="D2081" s="92"/>
      <c r="E2081" s="92"/>
      <c r="F2081" s="92"/>
      <c r="G2081" s="92"/>
      <c r="H2081" s="92"/>
      <c r="I2081" s="94"/>
    </row>
    <row r="2082" spans="1:9" x14ac:dyDescent="0.2">
      <c r="A2082" s="38" t="str">
        <f>IF(B2079="","","（備考）")</f>
        <v>（備考）</v>
      </c>
      <c r="B2082" s="108"/>
      <c r="C2082" s="109"/>
      <c r="D2082" s="97"/>
      <c r="E2082" s="97"/>
      <c r="F2082" s="97"/>
      <c r="G2082" s="97"/>
      <c r="H2082" s="97"/>
      <c r="I2082" s="98"/>
    </row>
    <row r="2083" spans="1:9" x14ac:dyDescent="0.2">
      <c r="A2083" s="37" t="str">
        <f>IF(B2079="","","連絡先")</f>
        <v>連絡先</v>
      </c>
      <c r="B2083" s="43" t="s">
        <v>362</v>
      </c>
      <c r="C2083" s="40"/>
      <c r="D2083" s="40" t="s">
        <v>106</v>
      </c>
      <c r="E2083" s="40"/>
      <c r="F2083" s="40"/>
      <c r="G2083" s="40"/>
      <c r="H2083" s="40"/>
      <c r="I2083" s="41"/>
    </row>
    <row r="2084" spans="1:9" x14ac:dyDescent="0.2">
      <c r="A2084" s="99" t="str">
        <f>IF(B2079="","","URL")</f>
        <v>URL</v>
      </c>
      <c r="B2084" s="101" t="s">
        <v>363</v>
      </c>
      <c r="C2084" s="101"/>
      <c r="D2084" s="101"/>
      <c r="E2084" s="101"/>
      <c r="F2084" s="101"/>
      <c r="G2084" s="101"/>
      <c r="H2084" s="101"/>
      <c r="I2084" s="101"/>
    </row>
    <row r="2085" spans="1:9" x14ac:dyDescent="0.2">
      <c r="A2085" s="100"/>
      <c r="B2085" s="102"/>
      <c r="C2085" s="103"/>
      <c r="D2085" s="103"/>
      <c r="E2085" s="103"/>
      <c r="F2085" s="103"/>
      <c r="G2085" s="103"/>
      <c r="H2085" s="103"/>
      <c r="I2085" s="104"/>
    </row>
    <row r="2088" spans="1:9" x14ac:dyDescent="0.2">
      <c r="A2088" s="37" t="str">
        <f>IF(B2088="","","名称")</f>
        <v>名称</v>
      </c>
      <c r="B2088" s="84" t="s">
        <v>490</v>
      </c>
      <c r="C2088" s="84"/>
      <c r="D2088" s="84"/>
      <c r="E2088" s="84"/>
      <c r="F2088" s="84"/>
      <c r="G2088" s="84"/>
      <c r="H2088" s="84"/>
      <c r="I2088" s="84"/>
    </row>
    <row r="2089" spans="1:9" x14ac:dyDescent="0.2">
      <c r="A2089" s="85" t="str">
        <f>IF(B2088="","","内容")</f>
        <v>内容</v>
      </c>
      <c r="B2089" s="87" t="s">
        <v>122</v>
      </c>
      <c r="C2089" s="88"/>
      <c r="D2089" s="91"/>
      <c r="E2089" s="91"/>
      <c r="F2089" s="91"/>
      <c r="G2089" s="91"/>
      <c r="H2089" s="91"/>
      <c r="I2089" s="93"/>
    </row>
    <row r="2090" spans="1:9" x14ac:dyDescent="0.2">
      <c r="A2090" s="86"/>
      <c r="B2090" s="89"/>
      <c r="C2090" s="90"/>
      <c r="D2090" s="92"/>
      <c r="E2090" s="92"/>
      <c r="F2090" s="92"/>
      <c r="G2090" s="92"/>
      <c r="H2090" s="92"/>
      <c r="I2090" s="94"/>
    </row>
    <row r="2091" spans="1:9" x14ac:dyDescent="0.2">
      <c r="A2091" s="38" t="str">
        <f>IF(B2088="","","（備考）")</f>
        <v>（備考）</v>
      </c>
      <c r="B2091" s="172"/>
      <c r="C2091" s="173"/>
      <c r="D2091" s="97"/>
      <c r="E2091" s="97"/>
      <c r="F2091" s="97"/>
      <c r="G2091" s="97"/>
      <c r="H2091" s="97"/>
      <c r="I2091" s="98"/>
    </row>
    <row r="2092" spans="1:9" x14ac:dyDescent="0.2">
      <c r="A2092" s="37" t="str">
        <f>IF(B2088="","","連絡先")</f>
        <v>連絡先</v>
      </c>
      <c r="B2092" s="43" t="s">
        <v>364</v>
      </c>
      <c r="C2092" s="40"/>
      <c r="D2092" s="40" t="s">
        <v>106</v>
      </c>
      <c r="E2092" s="40"/>
      <c r="F2092" s="40"/>
      <c r="G2092" s="40"/>
      <c r="H2092" s="40"/>
      <c r="I2092" s="41"/>
    </row>
    <row r="2093" spans="1:9" x14ac:dyDescent="0.2">
      <c r="A2093" s="99" t="str">
        <f>IF(B2088="","","URL")</f>
        <v>URL</v>
      </c>
      <c r="B2093" s="101" t="s">
        <v>491</v>
      </c>
      <c r="C2093" s="101"/>
      <c r="D2093" s="101"/>
      <c r="E2093" s="101"/>
      <c r="F2093" s="101"/>
      <c r="G2093" s="101"/>
      <c r="H2093" s="101"/>
      <c r="I2093" s="101"/>
    </row>
    <row r="2094" spans="1:9" x14ac:dyDescent="0.2">
      <c r="A2094" s="100"/>
      <c r="B2094" s="102"/>
      <c r="C2094" s="103"/>
      <c r="D2094" s="103"/>
      <c r="E2094" s="103"/>
      <c r="F2094" s="103"/>
      <c r="G2094" s="103"/>
      <c r="H2094" s="103"/>
      <c r="I2094" s="104"/>
    </row>
    <row r="2097" spans="1:9" x14ac:dyDescent="0.2">
      <c r="A2097" s="37" t="str">
        <f>IF(B2097="","","名称")</f>
        <v>名称</v>
      </c>
      <c r="B2097" s="231" t="s">
        <v>244</v>
      </c>
      <c r="C2097" s="232"/>
      <c r="D2097" s="232"/>
      <c r="E2097" s="232"/>
      <c r="F2097" s="232"/>
      <c r="G2097" s="232"/>
      <c r="H2097" s="232"/>
      <c r="I2097" s="233"/>
    </row>
    <row r="2098" spans="1:9" x14ac:dyDescent="0.2">
      <c r="A2098" s="85" t="str">
        <f>IF(B2097="","","内容")</f>
        <v>内容</v>
      </c>
      <c r="B2098" s="238" t="s">
        <v>18</v>
      </c>
      <c r="C2098" s="91"/>
      <c r="D2098" s="91"/>
      <c r="E2098" s="91"/>
      <c r="F2098" s="91"/>
      <c r="G2098" s="91"/>
      <c r="H2098" s="91"/>
      <c r="I2098" s="93"/>
    </row>
    <row r="2099" spans="1:9" x14ac:dyDescent="0.2">
      <c r="A2099" s="86"/>
      <c r="B2099" s="239"/>
      <c r="C2099" s="92"/>
      <c r="D2099" s="92"/>
      <c r="E2099" s="92"/>
      <c r="F2099" s="92"/>
      <c r="G2099" s="92"/>
      <c r="H2099" s="92"/>
      <c r="I2099" s="94"/>
    </row>
    <row r="2100" spans="1:9" x14ac:dyDescent="0.2">
      <c r="A2100" s="38" t="str">
        <f>IF(B2097="","","（備考）")</f>
        <v>（備考）</v>
      </c>
      <c r="B2100" s="211" t="s">
        <v>424</v>
      </c>
      <c r="C2100" s="129"/>
      <c r="D2100" s="97"/>
      <c r="E2100" s="97"/>
      <c r="F2100" s="97"/>
      <c r="G2100" s="97"/>
      <c r="H2100" s="97"/>
      <c r="I2100" s="98"/>
    </row>
    <row r="2101" spans="1:9" x14ac:dyDescent="0.2">
      <c r="A2101" s="37" t="str">
        <f>IF(B2097="","","連絡先")</f>
        <v>連絡先</v>
      </c>
      <c r="B2101" s="43" t="s">
        <v>492</v>
      </c>
      <c r="C2101" s="40"/>
      <c r="D2101" s="40"/>
      <c r="E2101" s="40"/>
      <c r="F2101" s="44"/>
      <c r="G2101" s="40"/>
      <c r="H2101" s="40"/>
      <c r="I2101" s="41"/>
    </row>
    <row r="2102" spans="1:9" x14ac:dyDescent="0.2">
      <c r="A2102" s="99" t="str">
        <f>IF(B2097="","","URL")</f>
        <v>URL</v>
      </c>
      <c r="B2102" s="225" t="s">
        <v>392</v>
      </c>
      <c r="C2102" s="111"/>
      <c r="D2102" s="111"/>
      <c r="E2102" s="111"/>
      <c r="F2102" s="111"/>
      <c r="G2102" s="111"/>
      <c r="H2102" s="111"/>
      <c r="I2102" s="112"/>
    </row>
    <row r="2103" spans="1:9" x14ac:dyDescent="0.2">
      <c r="A2103" s="100"/>
      <c r="B2103" s="113"/>
      <c r="C2103" s="114"/>
      <c r="D2103" s="114"/>
      <c r="E2103" s="114"/>
      <c r="F2103" s="114"/>
      <c r="G2103" s="114"/>
      <c r="H2103" s="114"/>
      <c r="I2103" s="115"/>
    </row>
    <row r="2106" spans="1:9" x14ac:dyDescent="0.2">
      <c r="A2106" s="37" t="str">
        <f>IF(B2106="","","名称")</f>
        <v/>
      </c>
      <c r="B2106" s="84"/>
      <c r="C2106" s="84"/>
      <c r="D2106" s="84"/>
      <c r="E2106" s="84"/>
      <c r="F2106" s="84"/>
      <c r="G2106" s="84"/>
      <c r="H2106" s="84"/>
      <c r="I2106" s="84"/>
    </row>
    <row r="2107" spans="1:9" x14ac:dyDescent="0.2">
      <c r="A2107" s="85" t="str">
        <f>IF(B2106="","","内容")</f>
        <v/>
      </c>
      <c r="B2107" s="87"/>
      <c r="C2107" s="88"/>
      <c r="D2107" s="91"/>
      <c r="E2107" s="91"/>
      <c r="F2107" s="91"/>
      <c r="G2107" s="91"/>
      <c r="H2107" s="91"/>
      <c r="I2107" s="93"/>
    </row>
    <row r="2108" spans="1:9" x14ac:dyDescent="0.2">
      <c r="A2108" s="86"/>
      <c r="B2108" s="89"/>
      <c r="C2108" s="90"/>
      <c r="D2108" s="92"/>
      <c r="E2108" s="92"/>
      <c r="F2108" s="92"/>
      <c r="G2108" s="92"/>
      <c r="H2108" s="92"/>
      <c r="I2108" s="94"/>
    </row>
    <row r="2109" spans="1:9" x14ac:dyDescent="0.2">
      <c r="A2109" s="38" t="str">
        <f>IF(B2106="","","（備考）")</f>
        <v/>
      </c>
      <c r="B2109" s="116"/>
      <c r="C2109" s="97"/>
      <c r="D2109" s="97"/>
      <c r="E2109" s="97"/>
      <c r="F2109" s="97"/>
      <c r="G2109" s="97"/>
      <c r="H2109" s="97"/>
      <c r="I2109" s="98"/>
    </row>
    <row r="2110" spans="1:9" x14ac:dyDescent="0.2">
      <c r="A2110" s="37" t="str">
        <f>IF(B2106="","","連絡先")</f>
        <v/>
      </c>
      <c r="B2110" s="42"/>
      <c r="C2110" s="40"/>
      <c r="D2110" s="40"/>
      <c r="E2110" s="40"/>
      <c r="F2110" s="40"/>
      <c r="G2110" s="40"/>
      <c r="H2110" s="40"/>
      <c r="I2110" s="41"/>
    </row>
    <row r="2111" spans="1:9" x14ac:dyDescent="0.2">
      <c r="A2111" s="99" t="str">
        <f>IF(B2106="","","URL")</f>
        <v/>
      </c>
      <c r="B2111" s="101"/>
      <c r="C2111" s="101"/>
      <c r="D2111" s="101"/>
      <c r="E2111" s="101"/>
      <c r="F2111" s="101"/>
      <c r="G2111" s="101"/>
      <c r="H2111" s="101"/>
      <c r="I2111" s="101"/>
    </row>
    <row r="2112" spans="1:9" x14ac:dyDescent="0.2">
      <c r="A2112" s="100"/>
      <c r="B2112" s="102"/>
      <c r="C2112" s="103"/>
      <c r="D2112" s="103"/>
      <c r="E2112" s="103"/>
      <c r="F2112" s="103"/>
      <c r="G2112" s="103"/>
      <c r="H2112" s="103"/>
      <c r="I2112" s="104"/>
    </row>
    <row r="2115" spans="1:9" x14ac:dyDescent="0.2">
      <c r="A2115" s="37" t="str">
        <f>IF(B2115="","","名称")</f>
        <v/>
      </c>
      <c r="B2115" s="84"/>
      <c r="C2115" s="84"/>
      <c r="D2115" s="84"/>
      <c r="E2115" s="84"/>
      <c r="F2115" s="84"/>
      <c r="G2115" s="84"/>
      <c r="H2115" s="84"/>
      <c r="I2115" s="84"/>
    </row>
    <row r="2116" spans="1:9" x14ac:dyDescent="0.2">
      <c r="A2116" s="85" t="str">
        <f>IF(B2115="","","内容")</f>
        <v/>
      </c>
      <c r="B2116" s="87"/>
      <c r="C2116" s="88"/>
      <c r="D2116" s="91"/>
      <c r="E2116" s="91"/>
      <c r="F2116" s="91"/>
      <c r="G2116" s="91"/>
      <c r="H2116" s="91"/>
      <c r="I2116" s="93"/>
    </row>
    <row r="2117" spans="1:9" x14ac:dyDescent="0.2">
      <c r="A2117" s="86"/>
      <c r="B2117" s="89"/>
      <c r="C2117" s="90"/>
      <c r="D2117" s="92"/>
      <c r="E2117" s="92"/>
      <c r="F2117" s="92"/>
      <c r="G2117" s="92"/>
      <c r="H2117" s="92"/>
      <c r="I2117" s="94"/>
    </row>
    <row r="2118" spans="1:9" x14ac:dyDescent="0.2">
      <c r="A2118" s="38" t="str">
        <f>IF(B2115="","","（備考）")</f>
        <v/>
      </c>
      <c r="B2118" s="116"/>
      <c r="C2118" s="97"/>
      <c r="D2118" s="97"/>
      <c r="E2118" s="97"/>
      <c r="F2118" s="97"/>
      <c r="G2118" s="97"/>
      <c r="H2118" s="97"/>
      <c r="I2118" s="98"/>
    </row>
    <row r="2119" spans="1:9" x14ac:dyDescent="0.2">
      <c r="A2119" s="37" t="str">
        <f>IF(B2115="","","連絡先")</f>
        <v/>
      </c>
      <c r="B2119" s="42"/>
      <c r="C2119" s="40"/>
      <c r="D2119" s="40"/>
      <c r="E2119" s="40"/>
      <c r="F2119" s="40"/>
      <c r="G2119" s="40"/>
      <c r="H2119" s="40"/>
      <c r="I2119" s="41"/>
    </row>
    <row r="2120" spans="1:9" x14ac:dyDescent="0.2">
      <c r="A2120" s="99" t="str">
        <f>IF(B2115="","","URL")</f>
        <v/>
      </c>
      <c r="B2120" s="101"/>
      <c r="C2120" s="101"/>
      <c r="D2120" s="101"/>
      <c r="E2120" s="101"/>
      <c r="F2120" s="101"/>
      <c r="G2120" s="101"/>
      <c r="H2120" s="101"/>
      <c r="I2120" s="101"/>
    </row>
    <row r="2121" spans="1:9" x14ac:dyDescent="0.2">
      <c r="A2121" s="100"/>
      <c r="B2121" s="102"/>
      <c r="C2121" s="103"/>
      <c r="D2121" s="103"/>
      <c r="E2121" s="103"/>
      <c r="F2121" s="103"/>
      <c r="G2121" s="103"/>
      <c r="H2121" s="103"/>
      <c r="I2121" s="104"/>
    </row>
    <row r="2125" spans="1:9" x14ac:dyDescent="0.2">
      <c r="A2125" s="107" t="s">
        <v>365</v>
      </c>
      <c r="B2125" s="107"/>
      <c r="C2125" s="107"/>
      <c r="D2125" s="107"/>
      <c r="E2125" s="107"/>
      <c r="F2125" s="107"/>
      <c r="G2125" s="107"/>
      <c r="H2125" s="107"/>
      <c r="I2125" s="107"/>
    </row>
    <row r="2126" spans="1:9" x14ac:dyDescent="0.2">
      <c r="A2126" s="107"/>
      <c r="B2126" s="107"/>
      <c r="C2126" s="107"/>
      <c r="D2126" s="107"/>
      <c r="E2126" s="107"/>
      <c r="F2126" s="107"/>
      <c r="G2126" s="107"/>
      <c r="H2126" s="107"/>
      <c r="I2126" s="107"/>
    </row>
    <row r="2129" spans="1:9" x14ac:dyDescent="0.2">
      <c r="A2129" s="37" t="str">
        <f>IF(B2129="","","名称")</f>
        <v>名称</v>
      </c>
      <c r="B2129" s="84" t="s">
        <v>366</v>
      </c>
      <c r="C2129" s="84"/>
      <c r="D2129" s="84"/>
      <c r="E2129" s="84"/>
      <c r="F2129" s="84"/>
      <c r="G2129" s="84"/>
      <c r="H2129" s="84"/>
      <c r="I2129" s="84"/>
    </row>
    <row r="2130" spans="1:9" x14ac:dyDescent="0.2">
      <c r="A2130" s="85" t="str">
        <f>IF(B2129="","","内容")</f>
        <v>内容</v>
      </c>
      <c r="B2130" s="87" t="s">
        <v>109</v>
      </c>
      <c r="C2130" s="88"/>
      <c r="D2130" s="91" t="s">
        <v>110</v>
      </c>
      <c r="E2130" s="91"/>
      <c r="F2130" s="91" t="s">
        <v>111</v>
      </c>
      <c r="G2130" s="91"/>
      <c r="H2130" s="91"/>
      <c r="I2130" s="93"/>
    </row>
    <row r="2131" spans="1:9" x14ac:dyDescent="0.2">
      <c r="A2131" s="86"/>
      <c r="B2131" s="89"/>
      <c r="C2131" s="90"/>
      <c r="D2131" s="92"/>
      <c r="E2131" s="92"/>
      <c r="F2131" s="92"/>
      <c r="G2131" s="92"/>
      <c r="H2131" s="92"/>
      <c r="I2131" s="94"/>
    </row>
    <row r="2132" spans="1:9" x14ac:dyDescent="0.2">
      <c r="A2132" s="38" t="str">
        <f>IF(B2129="","","（備考）")</f>
        <v>（備考）</v>
      </c>
      <c r="B2132" s="108" t="s">
        <v>236</v>
      </c>
      <c r="C2132" s="109"/>
      <c r="D2132" s="117" t="s">
        <v>367</v>
      </c>
      <c r="E2132" s="117"/>
      <c r="F2132" s="96"/>
      <c r="G2132" s="96"/>
      <c r="H2132" s="97"/>
      <c r="I2132" s="98"/>
    </row>
    <row r="2133" spans="1:9" x14ac:dyDescent="0.2">
      <c r="A2133" s="37" t="str">
        <f>IF(B2129="","","連絡先")</f>
        <v>連絡先</v>
      </c>
      <c r="B2133" s="43" t="s">
        <v>368</v>
      </c>
      <c r="C2133" s="40"/>
      <c r="D2133" s="40" t="s">
        <v>106</v>
      </c>
      <c r="E2133" s="40"/>
      <c r="F2133" s="40"/>
      <c r="G2133" s="40"/>
      <c r="H2133" s="40"/>
      <c r="I2133" s="41"/>
    </row>
    <row r="2134" spans="1:9" x14ac:dyDescent="0.2">
      <c r="A2134" s="99" t="str">
        <f>IF(B2129="","","URL")</f>
        <v>URL</v>
      </c>
      <c r="B2134" s="101" t="s">
        <v>456</v>
      </c>
      <c r="C2134" s="101"/>
      <c r="D2134" s="101"/>
      <c r="E2134" s="101"/>
      <c r="F2134" s="101"/>
      <c r="G2134" s="101"/>
      <c r="H2134" s="101"/>
      <c r="I2134" s="101"/>
    </row>
    <row r="2135" spans="1:9" x14ac:dyDescent="0.2">
      <c r="A2135" s="100"/>
      <c r="B2135" s="102"/>
      <c r="C2135" s="103"/>
      <c r="D2135" s="103"/>
      <c r="E2135" s="103"/>
      <c r="F2135" s="103"/>
      <c r="G2135" s="103"/>
      <c r="H2135" s="103"/>
      <c r="I2135" s="104"/>
    </row>
    <row r="2138" spans="1:9" x14ac:dyDescent="0.2">
      <c r="A2138" s="37" t="str">
        <f>IF(B2138="","","名称")</f>
        <v>名称</v>
      </c>
      <c r="B2138" s="84" t="s">
        <v>369</v>
      </c>
      <c r="C2138" s="84"/>
      <c r="D2138" s="84"/>
      <c r="E2138" s="84"/>
      <c r="F2138" s="84"/>
      <c r="G2138" s="84"/>
      <c r="H2138" s="84"/>
      <c r="I2138" s="84"/>
    </row>
    <row r="2139" spans="1:9" x14ac:dyDescent="0.2">
      <c r="A2139" s="85" t="str">
        <f>IF(B2138="","","内容")</f>
        <v>内容</v>
      </c>
      <c r="B2139" s="87" t="s">
        <v>122</v>
      </c>
      <c r="C2139" s="88"/>
      <c r="D2139" s="91"/>
      <c r="E2139" s="91"/>
      <c r="F2139" s="91"/>
      <c r="G2139" s="91"/>
      <c r="H2139" s="91"/>
      <c r="I2139" s="93"/>
    </row>
    <row r="2140" spans="1:9" x14ac:dyDescent="0.2">
      <c r="A2140" s="86"/>
      <c r="B2140" s="89"/>
      <c r="C2140" s="90"/>
      <c r="D2140" s="92"/>
      <c r="E2140" s="92"/>
      <c r="F2140" s="92"/>
      <c r="G2140" s="92"/>
      <c r="H2140" s="92"/>
      <c r="I2140" s="94"/>
    </row>
    <row r="2141" spans="1:9" x14ac:dyDescent="0.2">
      <c r="A2141" s="38" t="str">
        <f>IF(B2138="","","（備考）")</f>
        <v>（備考）</v>
      </c>
      <c r="B2141" s="172"/>
      <c r="C2141" s="173"/>
      <c r="D2141" s="97"/>
      <c r="E2141" s="97"/>
      <c r="F2141" s="97"/>
      <c r="G2141" s="97"/>
      <c r="H2141" s="97"/>
      <c r="I2141" s="98"/>
    </row>
    <row r="2142" spans="1:9" x14ac:dyDescent="0.2">
      <c r="A2142" s="37" t="str">
        <f>IF(B2138="","","連絡先")</f>
        <v>連絡先</v>
      </c>
      <c r="B2142" s="43" t="s">
        <v>370</v>
      </c>
      <c r="C2142" s="40"/>
      <c r="D2142" s="40" t="s">
        <v>106</v>
      </c>
      <c r="E2142" s="40"/>
      <c r="F2142" s="40"/>
      <c r="G2142" s="40"/>
      <c r="H2142" s="40"/>
      <c r="I2142" s="41"/>
    </row>
    <row r="2143" spans="1:9" x14ac:dyDescent="0.2">
      <c r="A2143" s="99" t="str">
        <f>IF(B2138="","","URL")</f>
        <v>URL</v>
      </c>
      <c r="B2143" s="101" t="s">
        <v>457</v>
      </c>
      <c r="C2143" s="101"/>
      <c r="D2143" s="101"/>
      <c r="E2143" s="101"/>
      <c r="F2143" s="101"/>
      <c r="G2143" s="101"/>
      <c r="H2143" s="101"/>
      <c r="I2143" s="101"/>
    </row>
    <row r="2144" spans="1:9" x14ac:dyDescent="0.2">
      <c r="A2144" s="100"/>
      <c r="B2144" s="102"/>
      <c r="C2144" s="103"/>
      <c r="D2144" s="103"/>
      <c r="E2144" s="103"/>
      <c r="F2144" s="103"/>
      <c r="G2144" s="103"/>
      <c r="H2144" s="103"/>
      <c r="I2144" s="104"/>
    </row>
    <row r="2147" spans="1:9" x14ac:dyDescent="0.2">
      <c r="A2147" s="37" t="str">
        <f>IF(B2147="","","名称")</f>
        <v/>
      </c>
      <c r="B2147" s="84"/>
      <c r="C2147" s="84"/>
      <c r="D2147" s="84"/>
      <c r="E2147" s="84"/>
      <c r="F2147" s="84"/>
      <c r="G2147" s="84"/>
      <c r="H2147" s="84"/>
      <c r="I2147" s="84"/>
    </row>
    <row r="2148" spans="1:9" x14ac:dyDescent="0.2">
      <c r="A2148" s="85" t="str">
        <f>IF(B2147="","","内容")</f>
        <v/>
      </c>
      <c r="B2148" s="87"/>
      <c r="C2148" s="88"/>
      <c r="D2148" s="91"/>
      <c r="E2148" s="91"/>
      <c r="F2148" s="91"/>
      <c r="G2148" s="91"/>
      <c r="H2148" s="91"/>
      <c r="I2148" s="93"/>
    </row>
    <row r="2149" spans="1:9" x14ac:dyDescent="0.2">
      <c r="A2149" s="86"/>
      <c r="B2149" s="89"/>
      <c r="C2149" s="90"/>
      <c r="D2149" s="92"/>
      <c r="E2149" s="92"/>
      <c r="F2149" s="92"/>
      <c r="G2149" s="92"/>
      <c r="H2149" s="92"/>
      <c r="I2149" s="94"/>
    </row>
    <row r="2150" spans="1:9" x14ac:dyDescent="0.2">
      <c r="A2150" s="38" t="str">
        <f>IF(B2147="","","（備考）")</f>
        <v/>
      </c>
      <c r="B2150" s="116"/>
      <c r="C2150" s="97"/>
      <c r="D2150" s="97"/>
      <c r="E2150" s="97"/>
      <c r="F2150" s="97"/>
      <c r="G2150" s="97"/>
      <c r="H2150" s="97"/>
      <c r="I2150" s="98"/>
    </row>
    <row r="2151" spans="1:9" x14ac:dyDescent="0.2">
      <c r="A2151" s="37" t="str">
        <f>IF(B2147="","","連絡先")</f>
        <v/>
      </c>
      <c r="B2151" s="42"/>
      <c r="C2151" s="40"/>
      <c r="D2151" s="40"/>
      <c r="E2151" s="40"/>
      <c r="F2151" s="40"/>
      <c r="G2151" s="40"/>
      <c r="H2151" s="40"/>
      <c r="I2151" s="41"/>
    </row>
    <row r="2152" spans="1:9" x14ac:dyDescent="0.2">
      <c r="A2152" s="99" t="str">
        <f>IF(B2147="","","URL")</f>
        <v/>
      </c>
      <c r="B2152" s="101"/>
      <c r="C2152" s="101"/>
      <c r="D2152" s="101"/>
      <c r="E2152" s="101"/>
      <c r="F2152" s="101"/>
      <c r="G2152" s="101"/>
      <c r="H2152" s="101"/>
      <c r="I2152" s="101"/>
    </row>
    <row r="2153" spans="1:9" x14ac:dyDescent="0.2">
      <c r="A2153" s="100"/>
      <c r="B2153" s="102"/>
      <c r="C2153" s="103"/>
      <c r="D2153" s="103"/>
      <c r="E2153" s="103"/>
      <c r="F2153" s="103"/>
      <c r="G2153" s="103"/>
      <c r="H2153" s="103"/>
      <c r="I2153" s="104"/>
    </row>
    <row r="2156" spans="1:9" x14ac:dyDescent="0.2">
      <c r="A2156" s="37" t="str">
        <f>IF(B2156="","","名称")</f>
        <v/>
      </c>
      <c r="B2156" s="84"/>
      <c r="C2156" s="84"/>
      <c r="D2156" s="84"/>
      <c r="E2156" s="84"/>
      <c r="F2156" s="84"/>
      <c r="G2156" s="84"/>
      <c r="H2156" s="84"/>
      <c r="I2156" s="84"/>
    </row>
    <row r="2157" spans="1:9" x14ac:dyDescent="0.2">
      <c r="A2157" s="85" t="str">
        <f>IF(B2156="","","内容")</f>
        <v/>
      </c>
      <c r="B2157" s="87"/>
      <c r="C2157" s="88"/>
      <c r="D2157" s="91"/>
      <c r="E2157" s="91"/>
      <c r="F2157" s="91"/>
      <c r="G2157" s="91"/>
      <c r="H2157" s="91"/>
      <c r="I2157" s="93"/>
    </row>
    <row r="2158" spans="1:9" x14ac:dyDescent="0.2">
      <c r="A2158" s="86"/>
      <c r="B2158" s="89"/>
      <c r="C2158" s="90"/>
      <c r="D2158" s="92"/>
      <c r="E2158" s="92"/>
      <c r="F2158" s="92"/>
      <c r="G2158" s="92"/>
      <c r="H2158" s="92"/>
      <c r="I2158" s="94"/>
    </row>
    <row r="2159" spans="1:9" x14ac:dyDescent="0.2">
      <c r="A2159" s="38" t="str">
        <f>IF(B2156="","","（備考）")</f>
        <v/>
      </c>
      <c r="B2159" s="116"/>
      <c r="C2159" s="97"/>
      <c r="D2159" s="97"/>
      <c r="E2159" s="97"/>
      <c r="F2159" s="97"/>
      <c r="G2159" s="97"/>
      <c r="H2159" s="97"/>
      <c r="I2159" s="98"/>
    </row>
    <row r="2160" spans="1:9" x14ac:dyDescent="0.2">
      <c r="A2160" s="37" t="str">
        <f>IF(B2156="","","連絡先")</f>
        <v/>
      </c>
      <c r="B2160" s="42"/>
      <c r="C2160" s="40"/>
      <c r="D2160" s="40"/>
      <c r="E2160" s="40"/>
      <c r="F2160" s="40"/>
      <c r="G2160" s="40"/>
      <c r="H2160" s="40"/>
      <c r="I2160" s="41"/>
    </row>
    <row r="2161" spans="1:9" x14ac:dyDescent="0.2">
      <c r="A2161" s="99" t="str">
        <f>IF(B2156="","","URL")</f>
        <v/>
      </c>
      <c r="B2161" s="101"/>
      <c r="C2161" s="101"/>
      <c r="D2161" s="101"/>
      <c r="E2161" s="101"/>
      <c r="F2161" s="101"/>
      <c r="G2161" s="101"/>
      <c r="H2161" s="101"/>
      <c r="I2161" s="101"/>
    </row>
    <row r="2162" spans="1:9" x14ac:dyDescent="0.2">
      <c r="A2162" s="100"/>
      <c r="B2162" s="102"/>
      <c r="C2162" s="103"/>
      <c r="D2162" s="103"/>
      <c r="E2162" s="103"/>
      <c r="F2162" s="103"/>
      <c r="G2162" s="103"/>
      <c r="H2162" s="103"/>
      <c r="I2162" s="104"/>
    </row>
    <row r="2165" spans="1:9" x14ac:dyDescent="0.2">
      <c r="A2165" s="37" t="str">
        <f>IF(B2165="","","名称")</f>
        <v/>
      </c>
      <c r="B2165" s="84"/>
      <c r="C2165" s="84"/>
      <c r="D2165" s="84"/>
      <c r="E2165" s="84"/>
      <c r="F2165" s="84"/>
      <c r="G2165" s="84"/>
      <c r="H2165" s="84"/>
      <c r="I2165" s="84"/>
    </row>
    <row r="2166" spans="1:9" x14ac:dyDescent="0.2">
      <c r="A2166" s="85" t="str">
        <f>IF(B2165="","","内容")</f>
        <v/>
      </c>
      <c r="B2166" s="87"/>
      <c r="C2166" s="88"/>
      <c r="D2166" s="91"/>
      <c r="E2166" s="91"/>
      <c r="F2166" s="91"/>
      <c r="G2166" s="91"/>
      <c r="H2166" s="91"/>
      <c r="I2166" s="93"/>
    </row>
    <row r="2167" spans="1:9" x14ac:dyDescent="0.2">
      <c r="A2167" s="86"/>
      <c r="B2167" s="89"/>
      <c r="C2167" s="90"/>
      <c r="D2167" s="92"/>
      <c r="E2167" s="92"/>
      <c r="F2167" s="92"/>
      <c r="G2167" s="92"/>
      <c r="H2167" s="92"/>
      <c r="I2167" s="94"/>
    </row>
    <row r="2168" spans="1:9" x14ac:dyDescent="0.2">
      <c r="A2168" s="38" t="str">
        <f>IF(B2165="","","（備考）")</f>
        <v/>
      </c>
      <c r="B2168" s="116"/>
      <c r="C2168" s="97"/>
      <c r="D2168" s="97"/>
      <c r="E2168" s="97"/>
      <c r="F2168" s="97"/>
      <c r="G2168" s="97"/>
      <c r="H2168" s="97"/>
      <c r="I2168" s="98"/>
    </row>
    <row r="2169" spans="1:9" x14ac:dyDescent="0.2">
      <c r="A2169" s="37" t="str">
        <f>IF(B2165="","","連絡先")</f>
        <v/>
      </c>
      <c r="B2169" s="42"/>
      <c r="C2169" s="40"/>
      <c r="D2169" s="40"/>
      <c r="E2169" s="40"/>
      <c r="F2169" s="40"/>
      <c r="G2169" s="40"/>
      <c r="H2169" s="40"/>
      <c r="I2169" s="41"/>
    </row>
    <row r="2170" spans="1:9" x14ac:dyDescent="0.2">
      <c r="A2170" s="99" t="str">
        <f>IF(B2165="","","URL")</f>
        <v/>
      </c>
      <c r="B2170" s="101"/>
      <c r="C2170" s="101"/>
      <c r="D2170" s="101"/>
      <c r="E2170" s="101"/>
      <c r="F2170" s="101"/>
      <c r="G2170" s="101"/>
      <c r="H2170" s="101"/>
      <c r="I2170" s="101"/>
    </row>
    <row r="2171" spans="1:9" x14ac:dyDescent="0.2">
      <c r="A2171" s="100"/>
      <c r="B2171" s="102"/>
      <c r="C2171" s="103"/>
      <c r="D2171" s="103"/>
      <c r="E2171" s="103"/>
      <c r="F2171" s="103"/>
      <c r="G2171" s="103"/>
      <c r="H2171" s="103"/>
      <c r="I2171" s="104"/>
    </row>
    <row r="2174" spans="1:9" x14ac:dyDescent="0.2">
      <c r="A2174" s="37" t="str">
        <f>IF(B2174="","","名称")</f>
        <v/>
      </c>
      <c r="B2174" s="84"/>
      <c r="C2174" s="84"/>
      <c r="D2174" s="84"/>
      <c r="E2174" s="84"/>
      <c r="F2174" s="84"/>
      <c r="G2174" s="84"/>
      <c r="H2174" s="84"/>
      <c r="I2174" s="84"/>
    </row>
    <row r="2175" spans="1:9" x14ac:dyDescent="0.2">
      <c r="A2175" s="85" t="str">
        <f>IF(B2174="","","内容")</f>
        <v/>
      </c>
      <c r="B2175" s="87"/>
      <c r="C2175" s="88"/>
      <c r="D2175" s="91"/>
      <c r="E2175" s="91"/>
      <c r="F2175" s="91"/>
      <c r="G2175" s="91"/>
      <c r="H2175" s="91"/>
      <c r="I2175" s="93"/>
    </row>
    <row r="2176" spans="1:9" x14ac:dyDescent="0.2">
      <c r="A2176" s="86"/>
      <c r="B2176" s="89"/>
      <c r="C2176" s="90"/>
      <c r="D2176" s="92"/>
      <c r="E2176" s="92"/>
      <c r="F2176" s="92"/>
      <c r="G2176" s="92"/>
      <c r="H2176" s="92"/>
      <c r="I2176" s="94"/>
    </row>
    <row r="2177" spans="1:9" x14ac:dyDescent="0.2">
      <c r="A2177" s="38" t="str">
        <f>IF(B2174="","","（備考）")</f>
        <v/>
      </c>
      <c r="B2177" s="116"/>
      <c r="C2177" s="97"/>
      <c r="D2177" s="97"/>
      <c r="E2177" s="97"/>
      <c r="F2177" s="97"/>
      <c r="G2177" s="97"/>
      <c r="H2177" s="97"/>
      <c r="I2177" s="98"/>
    </row>
    <row r="2178" spans="1:9" x14ac:dyDescent="0.2">
      <c r="A2178" s="37" t="str">
        <f>IF(B2174="","","連絡先")</f>
        <v/>
      </c>
      <c r="B2178" s="42"/>
      <c r="C2178" s="40"/>
      <c r="D2178" s="40"/>
      <c r="E2178" s="40"/>
      <c r="F2178" s="40"/>
      <c r="G2178" s="40"/>
      <c r="H2178" s="40"/>
      <c r="I2178" s="41"/>
    </row>
    <row r="2179" spans="1:9" x14ac:dyDescent="0.2">
      <c r="A2179" s="99" t="str">
        <f>IF(B2174="","","URL")</f>
        <v/>
      </c>
      <c r="B2179" s="101"/>
      <c r="C2179" s="101"/>
      <c r="D2179" s="101"/>
      <c r="E2179" s="101"/>
      <c r="F2179" s="101"/>
      <c r="G2179" s="101"/>
      <c r="H2179" s="101"/>
      <c r="I2179" s="101"/>
    </row>
    <row r="2180" spans="1:9" x14ac:dyDescent="0.2">
      <c r="A2180" s="100"/>
      <c r="B2180" s="102"/>
      <c r="C2180" s="103"/>
      <c r="D2180" s="103"/>
      <c r="E2180" s="103"/>
      <c r="F2180" s="103"/>
      <c r="G2180" s="103"/>
      <c r="H2180" s="103"/>
      <c r="I2180" s="104"/>
    </row>
  </sheetData>
  <mergeCells count="2555">
    <mergeCell ref="B2177:C2177"/>
    <mergeCell ref="D2177:E2177"/>
    <mergeCell ref="F2177:G2177"/>
    <mergeCell ref="H2177:I2177"/>
    <mergeCell ref="A2179:A2180"/>
    <mergeCell ref="B2179:I2180"/>
    <mergeCell ref="B2174:I2174"/>
    <mergeCell ref="A2175:A2176"/>
    <mergeCell ref="B2175:C2176"/>
    <mergeCell ref="D2175:E2176"/>
    <mergeCell ref="F2175:G2176"/>
    <mergeCell ref="H2175:I2176"/>
    <mergeCell ref="B2168:C2168"/>
    <mergeCell ref="D2168:E2168"/>
    <mergeCell ref="F2168:G2168"/>
    <mergeCell ref="H2168:I2168"/>
    <mergeCell ref="A2170:A2171"/>
    <mergeCell ref="B2170:I2171"/>
    <mergeCell ref="B2165:I2165"/>
    <mergeCell ref="A2166:A2167"/>
    <mergeCell ref="B2166:C2167"/>
    <mergeCell ref="D2166:E2167"/>
    <mergeCell ref="F2166:G2167"/>
    <mergeCell ref="H2166:I2167"/>
    <mergeCell ref="B2159:C2159"/>
    <mergeCell ref="D2159:E2159"/>
    <mergeCell ref="F2159:G2159"/>
    <mergeCell ref="H2159:I2159"/>
    <mergeCell ref="A2161:A2162"/>
    <mergeCell ref="B2161:I2162"/>
    <mergeCell ref="B2156:I2156"/>
    <mergeCell ref="A2157:A2158"/>
    <mergeCell ref="B2157:C2158"/>
    <mergeCell ref="D2157:E2158"/>
    <mergeCell ref="F2157:G2158"/>
    <mergeCell ref="H2157:I2158"/>
    <mergeCell ref="B2150:C2150"/>
    <mergeCell ref="D2150:E2150"/>
    <mergeCell ref="F2150:G2150"/>
    <mergeCell ref="H2150:I2150"/>
    <mergeCell ref="A2152:A2153"/>
    <mergeCell ref="B2152:I2153"/>
    <mergeCell ref="B2147:I2147"/>
    <mergeCell ref="A2148:A2149"/>
    <mergeCell ref="B2148:C2149"/>
    <mergeCell ref="D2148:E2149"/>
    <mergeCell ref="F2148:G2149"/>
    <mergeCell ref="H2148:I2149"/>
    <mergeCell ref="B2141:C2141"/>
    <mergeCell ref="D2141:E2141"/>
    <mergeCell ref="F2141:G2141"/>
    <mergeCell ref="H2141:I2141"/>
    <mergeCell ref="A2143:A2144"/>
    <mergeCell ref="B2143:I2144"/>
    <mergeCell ref="B2138:I2138"/>
    <mergeCell ref="A2139:A2140"/>
    <mergeCell ref="B2139:C2140"/>
    <mergeCell ref="D2139:E2140"/>
    <mergeCell ref="F2139:G2140"/>
    <mergeCell ref="H2139:I2140"/>
    <mergeCell ref="B2132:C2132"/>
    <mergeCell ref="D2132:E2132"/>
    <mergeCell ref="F2132:G2132"/>
    <mergeCell ref="H2132:I2132"/>
    <mergeCell ref="A2134:A2135"/>
    <mergeCell ref="B2134:I2135"/>
    <mergeCell ref="A2125:I2126"/>
    <mergeCell ref="B2129:I2129"/>
    <mergeCell ref="A2130:A2131"/>
    <mergeCell ref="B2130:C2131"/>
    <mergeCell ref="D2130:E2131"/>
    <mergeCell ref="F2130:G2131"/>
    <mergeCell ref="H2130:I2131"/>
    <mergeCell ref="B2118:C2118"/>
    <mergeCell ref="D2118:E2118"/>
    <mergeCell ref="F2118:G2118"/>
    <mergeCell ref="H2118:I2118"/>
    <mergeCell ref="A2120:A2121"/>
    <mergeCell ref="B2120:I2121"/>
    <mergeCell ref="B2115:I2115"/>
    <mergeCell ref="A2116:A2117"/>
    <mergeCell ref="B2116:C2117"/>
    <mergeCell ref="D2116:E2117"/>
    <mergeCell ref="F2116:G2117"/>
    <mergeCell ref="H2116:I2117"/>
    <mergeCell ref="B2109:C2109"/>
    <mergeCell ref="D2109:E2109"/>
    <mergeCell ref="F2109:G2109"/>
    <mergeCell ref="H2109:I2109"/>
    <mergeCell ref="A2111:A2112"/>
    <mergeCell ref="B2111:I2112"/>
    <mergeCell ref="B2106:I2106"/>
    <mergeCell ref="A2107:A2108"/>
    <mergeCell ref="B2107:C2108"/>
    <mergeCell ref="D2107:E2108"/>
    <mergeCell ref="F2107:G2108"/>
    <mergeCell ref="H2107:I2108"/>
    <mergeCell ref="B2100:C2100"/>
    <mergeCell ref="D2100:E2100"/>
    <mergeCell ref="F2100:G2100"/>
    <mergeCell ref="H2100:I2100"/>
    <mergeCell ref="A2102:A2103"/>
    <mergeCell ref="B2102:I2103"/>
    <mergeCell ref="B2097:I2097"/>
    <mergeCell ref="A2098:A2099"/>
    <mergeCell ref="B2098:C2099"/>
    <mergeCell ref="D2098:E2099"/>
    <mergeCell ref="F2098:G2099"/>
    <mergeCell ref="H2098:I2099"/>
    <mergeCell ref="B2091:C2091"/>
    <mergeCell ref="D2091:E2091"/>
    <mergeCell ref="F2091:G2091"/>
    <mergeCell ref="H2091:I2091"/>
    <mergeCell ref="A2093:A2094"/>
    <mergeCell ref="B2093:I2094"/>
    <mergeCell ref="B2088:I2088"/>
    <mergeCell ref="A2089:A2090"/>
    <mergeCell ref="B2089:C2090"/>
    <mergeCell ref="D2089:E2090"/>
    <mergeCell ref="F2089:G2090"/>
    <mergeCell ref="H2089:I2090"/>
    <mergeCell ref="B2082:C2082"/>
    <mergeCell ref="D2082:E2082"/>
    <mergeCell ref="F2082:G2082"/>
    <mergeCell ref="H2082:I2082"/>
    <mergeCell ref="A2084:A2085"/>
    <mergeCell ref="B2084:I2085"/>
    <mergeCell ref="B2079:I2079"/>
    <mergeCell ref="A2080:A2081"/>
    <mergeCell ref="B2080:C2081"/>
    <mergeCell ref="D2080:E2081"/>
    <mergeCell ref="F2080:G2081"/>
    <mergeCell ref="H2080:I2081"/>
    <mergeCell ref="B2073:C2073"/>
    <mergeCell ref="D2073:E2073"/>
    <mergeCell ref="F2073:G2073"/>
    <mergeCell ref="H2073:I2073"/>
    <mergeCell ref="A2075:A2076"/>
    <mergeCell ref="B2075:I2076"/>
    <mergeCell ref="A2066:I2067"/>
    <mergeCell ref="B2070:I2070"/>
    <mergeCell ref="A2071:A2072"/>
    <mergeCell ref="B2071:C2072"/>
    <mergeCell ref="D2071:E2072"/>
    <mergeCell ref="F2071:G2072"/>
    <mergeCell ref="H2071:I2072"/>
    <mergeCell ref="B2059:C2059"/>
    <mergeCell ref="D2059:E2059"/>
    <mergeCell ref="F2059:G2059"/>
    <mergeCell ref="H2059:I2059"/>
    <mergeCell ref="A2061:A2062"/>
    <mergeCell ref="B2061:I2062"/>
    <mergeCell ref="B2056:I2056"/>
    <mergeCell ref="A2057:A2058"/>
    <mergeCell ref="B2057:C2058"/>
    <mergeCell ref="D2057:E2058"/>
    <mergeCell ref="F2057:G2058"/>
    <mergeCell ref="H2057:I2058"/>
    <mergeCell ref="B2050:C2050"/>
    <mergeCell ref="D2050:E2050"/>
    <mergeCell ref="F2050:G2050"/>
    <mergeCell ref="H2050:I2050"/>
    <mergeCell ref="A2052:A2053"/>
    <mergeCell ref="B2052:I2053"/>
    <mergeCell ref="B2047:I2047"/>
    <mergeCell ref="A2048:A2049"/>
    <mergeCell ref="B2048:C2049"/>
    <mergeCell ref="D2048:E2049"/>
    <mergeCell ref="F2048:G2049"/>
    <mergeCell ref="H2048:I2049"/>
    <mergeCell ref="B2041:C2041"/>
    <mergeCell ref="D2041:E2041"/>
    <mergeCell ref="F2041:G2041"/>
    <mergeCell ref="H2041:I2041"/>
    <mergeCell ref="A2043:A2044"/>
    <mergeCell ref="B2043:I2044"/>
    <mergeCell ref="B2038:I2038"/>
    <mergeCell ref="A2039:A2040"/>
    <mergeCell ref="B2039:C2040"/>
    <mergeCell ref="D2039:E2040"/>
    <mergeCell ref="F2039:G2040"/>
    <mergeCell ref="H2039:I2040"/>
    <mergeCell ref="B2032:C2032"/>
    <mergeCell ref="D2032:E2032"/>
    <mergeCell ref="F2032:G2032"/>
    <mergeCell ref="H2032:I2032"/>
    <mergeCell ref="A2034:A2035"/>
    <mergeCell ref="B2034:I2035"/>
    <mergeCell ref="B2029:I2029"/>
    <mergeCell ref="A2030:A2031"/>
    <mergeCell ref="B2030:C2031"/>
    <mergeCell ref="D2030:E2031"/>
    <mergeCell ref="F2030:G2031"/>
    <mergeCell ref="H2030:I2031"/>
    <mergeCell ref="B2023:C2023"/>
    <mergeCell ref="D2023:E2023"/>
    <mergeCell ref="F2023:G2023"/>
    <mergeCell ref="H2023:I2023"/>
    <mergeCell ref="A2025:A2026"/>
    <mergeCell ref="B2025:I2026"/>
    <mergeCell ref="B2020:I2020"/>
    <mergeCell ref="A2021:A2022"/>
    <mergeCell ref="B2021:C2022"/>
    <mergeCell ref="D2021:E2022"/>
    <mergeCell ref="F2021:G2022"/>
    <mergeCell ref="H2021:I2022"/>
    <mergeCell ref="B2014:C2014"/>
    <mergeCell ref="D2014:E2014"/>
    <mergeCell ref="F2014:G2014"/>
    <mergeCell ref="H2014:I2014"/>
    <mergeCell ref="A2016:A2017"/>
    <mergeCell ref="B2016:I2017"/>
    <mergeCell ref="A2007:I2008"/>
    <mergeCell ref="B2011:I2011"/>
    <mergeCell ref="A2012:A2013"/>
    <mergeCell ref="B2012:C2013"/>
    <mergeCell ref="D2012:E2013"/>
    <mergeCell ref="F2012:G2013"/>
    <mergeCell ref="H2012:I2013"/>
    <mergeCell ref="B2000:C2000"/>
    <mergeCell ref="D2000:E2000"/>
    <mergeCell ref="F2000:G2000"/>
    <mergeCell ref="H2000:I2000"/>
    <mergeCell ref="A2002:A2003"/>
    <mergeCell ref="B2002:I2003"/>
    <mergeCell ref="B1997:I1997"/>
    <mergeCell ref="A1998:A1999"/>
    <mergeCell ref="B1998:C1999"/>
    <mergeCell ref="D1998:E1999"/>
    <mergeCell ref="F1998:G1999"/>
    <mergeCell ref="H1998:I1999"/>
    <mergeCell ref="B1991:C1991"/>
    <mergeCell ref="D1991:E1991"/>
    <mergeCell ref="F1991:G1991"/>
    <mergeCell ref="H1991:I1991"/>
    <mergeCell ref="A1993:A1994"/>
    <mergeCell ref="B1993:I1994"/>
    <mergeCell ref="B1988:I1988"/>
    <mergeCell ref="A1989:A1990"/>
    <mergeCell ref="B1989:C1990"/>
    <mergeCell ref="D1989:E1990"/>
    <mergeCell ref="F1989:G1990"/>
    <mergeCell ref="H1989:I1990"/>
    <mergeCell ref="B1982:C1982"/>
    <mergeCell ref="D1982:E1982"/>
    <mergeCell ref="F1982:G1982"/>
    <mergeCell ref="H1982:I1982"/>
    <mergeCell ref="A1984:A1985"/>
    <mergeCell ref="B1984:I1985"/>
    <mergeCell ref="B1979:I1979"/>
    <mergeCell ref="A1980:A1981"/>
    <mergeCell ref="B1980:C1981"/>
    <mergeCell ref="D1980:E1981"/>
    <mergeCell ref="F1980:G1981"/>
    <mergeCell ref="H1980:I1981"/>
    <mergeCell ref="B1973:C1973"/>
    <mergeCell ref="D1973:E1973"/>
    <mergeCell ref="F1973:G1973"/>
    <mergeCell ref="H1973:I1973"/>
    <mergeCell ref="A1975:A1976"/>
    <mergeCell ref="B1975:I1976"/>
    <mergeCell ref="B1970:I1970"/>
    <mergeCell ref="A1971:A1972"/>
    <mergeCell ref="B1971:C1972"/>
    <mergeCell ref="D1971:E1972"/>
    <mergeCell ref="F1971:G1972"/>
    <mergeCell ref="H1971:I1972"/>
    <mergeCell ref="B1964:C1964"/>
    <mergeCell ref="D1964:E1964"/>
    <mergeCell ref="F1964:G1964"/>
    <mergeCell ref="H1964:I1964"/>
    <mergeCell ref="A1966:A1967"/>
    <mergeCell ref="B1966:I1967"/>
    <mergeCell ref="B1961:I1961"/>
    <mergeCell ref="A1962:A1963"/>
    <mergeCell ref="B1962:C1963"/>
    <mergeCell ref="D1962:E1963"/>
    <mergeCell ref="F1962:G1963"/>
    <mergeCell ref="H1962:I1963"/>
    <mergeCell ref="B1955:C1955"/>
    <mergeCell ref="D1955:E1955"/>
    <mergeCell ref="F1955:G1955"/>
    <mergeCell ref="H1955:I1955"/>
    <mergeCell ref="A1957:A1958"/>
    <mergeCell ref="B1957:I1958"/>
    <mergeCell ref="A1948:I1949"/>
    <mergeCell ref="B1952:I1952"/>
    <mergeCell ref="A1953:A1954"/>
    <mergeCell ref="B1953:C1954"/>
    <mergeCell ref="D1953:E1954"/>
    <mergeCell ref="F1953:G1954"/>
    <mergeCell ref="H1953:I1954"/>
    <mergeCell ref="B1941:C1941"/>
    <mergeCell ref="D1941:E1941"/>
    <mergeCell ref="F1941:G1941"/>
    <mergeCell ref="H1941:I1941"/>
    <mergeCell ref="A1943:A1944"/>
    <mergeCell ref="B1943:I1944"/>
    <mergeCell ref="B1938:I1938"/>
    <mergeCell ref="A1939:A1940"/>
    <mergeCell ref="B1939:C1940"/>
    <mergeCell ref="D1939:E1940"/>
    <mergeCell ref="F1939:G1940"/>
    <mergeCell ref="H1939:I1940"/>
    <mergeCell ref="B1932:C1932"/>
    <mergeCell ref="D1932:E1932"/>
    <mergeCell ref="F1932:G1932"/>
    <mergeCell ref="H1932:I1932"/>
    <mergeCell ref="A1934:A1935"/>
    <mergeCell ref="B1934:I1935"/>
    <mergeCell ref="B1929:I1929"/>
    <mergeCell ref="A1930:A1931"/>
    <mergeCell ref="B1930:C1931"/>
    <mergeCell ref="D1930:E1931"/>
    <mergeCell ref="F1930:G1931"/>
    <mergeCell ref="H1930:I1931"/>
    <mergeCell ref="B1923:C1923"/>
    <mergeCell ref="D1923:E1923"/>
    <mergeCell ref="F1923:G1923"/>
    <mergeCell ref="H1923:I1923"/>
    <mergeCell ref="A1925:A1926"/>
    <mergeCell ref="B1925:I1926"/>
    <mergeCell ref="B1920:I1920"/>
    <mergeCell ref="A1921:A1922"/>
    <mergeCell ref="B1921:C1922"/>
    <mergeCell ref="D1921:E1922"/>
    <mergeCell ref="F1921:G1922"/>
    <mergeCell ref="H1921:I1922"/>
    <mergeCell ref="B1914:C1914"/>
    <mergeCell ref="D1914:E1914"/>
    <mergeCell ref="F1914:G1914"/>
    <mergeCell ref="H1914:I1914"/>
    <mergeCell ref="A1916:A1917"/>
    <mergeCell ref="B1916:I1917"/>
    <mergeCell ref="B1911:I1911"/>
    <mergeCell ref="A1912:A1913"/>
    <mergeCell ref="B1912:C1913"/>
    <mergeCell ref="D1912:E1913"/>
    <mergeCell ref="F1912:G1913"/>
    <mergeCell ref="H1912:I1913"/>
    <mergeCell ref="B1905:C1905"/>
    <mergeCell ref="D1905:E1905"/>
    <mergeCell ref="F1905:G1905"/>
    <mergeCell ref="H1905:I1905"/>
    <mergeCell ref="A1907:A1908"/>
    <mergeCell ref="B1907:I1908"/>
    <mergeCell ref="B1902:I1902"/>
    <mergeCell ref="A1903:A1904"/>
    <mergeCell ref="B1903:C1904"/>
    <mergeCell ref="D1903:E1904"/>
    <mergeCell ref="F1903:G1904"/>
    <mergeCell ref="H1903:I1904"/>
    <mergeCell ref="B1896:C1896"/>
    <mergeCell ref="D1896:E1896"/>
    <mergeCell ref="F1896:G1896"/>
    <mergeCell ref="H1896:I1896"/>
    <mergeCell ref="A1898:A1899"/>
    <mergeCell ref="B1898:I1899"/>
    <mergeCell ref="A1889:I1890"/>
    <mergeCell ref="B1893:I1893"/>
    <mergeCell ref="A1894:A1895"/>
    <mergeCell ref="B1894:C1895"/>
    <mergeCell ref="D1894:E1895"/>
    <mergeCell ref="F1894:G1895"/>
    <mergeCell ref="H1894:I1895"/>
    <mergeCell ref="B1882:C1882"/>
    <mergeCell ref="D1882:E1882"/>
    <mergeCell ref="F1882:G1882"/>
    <mergeCell ref="H1882:I1882"/>
    <mergeCell ref="A1884:A1885"/>
    <mergeCell ref="B1884:I1885"/>
    <mergeCell ref="B1879:I1879"/>
    <mergeCell ref="A1880:A1881"/>
    <mergeCell ref="B1880:C1881"/>
    <mergeCell ref="D1880:E1881"/>
    <mergeCell ref="F1880:G1881"/>
    <mergeCell ref="H1880:I1881"/>
    <mergeCell ref="B1873:C1873"/>
    <mergeCell ref="D1873:E1873"/>
    <mergeCell ref="F1873:G1873"/>
    <mergeCell ref="H1873:I1873"/>
    <mergeCell ref="A1875:A1876"/>
    <mergeCell ref="B1875:I1876"/>
    <mergeCell ref="B1870:I1870"/>
    <mergeCell ref="A1871:A1872"/>
    <mergeCell ref="B1871:C1872"/>
    <mergeCell ref="D1871:E1872"/>
    <mergeCell ref="F1871:G1872"/>
    <mergeCell ref="H1871:I1872"/>
    <mergeCell ref="B1864:C1864"/>
    <mergeCell ref="D1864:E1864"/>
    <mergeCell ref="F1864:G1864"/>
    <mergeCell ref="H1864:I1864"/>
    <mergeCell ref="A1866:A1867"/>
    <mergeCell ref="B1866:I1867"/>
    <mergeCell ref="B1861:I1861"/>
    <mergeCell ref="A1862:A1863"/>
    <mergeCell ref="B1862:C1863"/>
    <mergeCell ref="D1862:E1863"/>
    <mergeCell ref="F1862:G1863"/>
    <mergeCell ref="H1862:I1863"/>
    <mergeCell ref="B1855:C1855"/>
    <mergeCell ref="D1855:E1855"/>
    <mergeCell ref="F1855:G1855"/>
    <mergeCell ref="H1855:I1855"/>
    <mergeCell ref="A1857:A1858"/>
    <mergeCell ref="B1857:I1858"/>
    <mergeCell ref="B1852:I1852"/>
    <mergeCell ref="A1853:A1854"/>
    <mergeCell ref="B1853:C1854"/>
    <mergeCell ref="D1853:E1854"/>
    <mergeCell ref="F1853:G1854"/>
    <mergeCell ref="H1853:I1854"/>
    <mergeCell ref="B1846:C1846"/>
    <mergeCell ref="D1846:E1846"/>
    <mergeCell ref="F1846:G1846"/>
    <mergeCell ref="H1846:I1846"/>
    <mergeCell ref="A1848:A1849"/>
    <mergeCell ref="B1848:I1849"/>
    <mergeCell ref="B1843:I1843"/>
    <mergeCell ref="A1844:A1845"/>
    <mergeCell ref="B1844:C1845"/>
    <mergeCell ref="D1844:E1845"/>
    <mergeCell ref="F1844:G1845"/>
    <mergeCell ref="H1844:I1845"/>
    <mergeCell ref="B1837:C1837"/>
    <mergeCell ref="D1837:E1837"/>
    <mergeCell ref="F1837:G1837"/>
    <mergeCell ref="H1837:I1837"/>
    <mergeCell ref="A1839:A1840"/>
    <mergeCell ref="B1839:I1840"/>
    <mergeCell ref="A1830:I1831"/>
    <mergeCell ref="B1834:I1834"/>
    <mergeCell ref="A1835:A1836"/>
    <mergeCell ref="B1835:C1836"/>
    <mergeCell ref="D1835:E1836"/>
    <mergeCell ref="F1835:G1836"/>
    <mergeCell ref="H1835:I1836"/>
    <mergeCell ref="B1823:C1823"/>
    <mergeCell ref="D1823:E1823"/>
    <mergeCell ref="F1823:G1823"/>
    <mergeCell ref="H1823:I1823"/>
    <mergeCell ref="A1825:A1826"/>
    <mergeCell ref="B1825:I1826"/>
    <mergeCell ref="B1820:I1820"/>
    <mergeCell ref="A1821:A1822"/>
    <mergeCell ref="B1821:C1822"/>
    <mergeCell ref="D1821:E1822"/>
    <mergeCell ref="F1821:G1822"/>
    <mergeCell ref="H1821:I1822"/>
    <mergeCell ref="B1814:C1814"/>
    <mergeCell ref="D1814:E1814"/>
    <mergeCell ref="F1814:G1814"/>
    <mergeCell ref="H1814:I1814"/>
    <mergeCell ref="A1816:A1817"/>
    <mergeCell ref="B1816:I1817"/>
    <mergeCell ref="A1798:A1799"/>
    <mergeCell ref="B1798:I1799"/>
    <mergeCell ref="B1793:I1793"/>
    <mergeCell ref="A1794:A1795"/>
    <mergeCell ref="B1794:C1795"/>
    <mergeCell ref="D1794:E1795"/>
    <mergeCell ref="F1794:G1795"/>
    <mergeCell ref="H1794:I1795"/>
    <mergeCell ref="B1787:C1787"/>
    <mergeCell ref="D1787:E1787"/>
    <mergeCell ref="F1787:G1787"/>
    <mergeCell ref="H1787:I1787"/>
    <mergeCell ref="A1789:A1790"/>
    <mergeCell ref="B1789:I1790"/>
    <mergeCell ref="B1811:I1811"/>
    <mergeCell ref="A1812:A1813"/>
    <mergeCell ref="B1812:C1813"/>
    <mergeCell ref="D1812:E1813"/>
    <mergeCell ref="F1812:G1813"/>
    <mergeCell ref="H1812:I1813"/>
    <mergeCell ref="B1805:C1805"/>
    <mergeCell ref="D1805:E1805"/>
    <mergeCell ref="F1805:G1805"/>
    <mergeCell ref="H1805:I1805"/>
    <mergeCell ref="A1807:A1808"/>
    <mergeCell ref="B1807:I1808"/>
    <mergeCell ref="B1802:I1802"/>
    <mergeCell ref="A1803:A1804"/>
    <mergeCell ref="B1803:C1804"/>
    <mergeCell ref="D1803:E1804"/>
    <mergeCell ref="F1803:G1804"/>
    <mergeCell ref="H1803:I1804"/>
    <mergeCell ref="B1784:I1784"/>
    <mergeCell ref="A1785:A1786"/>
    <mergeCell ref="B1785:C1786"/>
    <mergeCell ref="D1785:E1786"/>
    <mergeCell ref="F1785:G1786"/>
    <mergeCell ref="H1785:I1786"/>
    <mergeCell ref="F1778:G1778"/>
    <mergeCell ref="H1778:I1778"/>
    <mergeCell ref="A1780:A1781"/>
    <mergeCell ref="B1780:I1781"/>
    <mergeCell ref="A1771:I1772"/>
    <mergeCell ref="B1775:I1775"/>
    <mergeCell ref="A1776:A1777"/>
    <mergeCell ref="F1776:G1777"/>
    <mergeCell ref="H1776:I1777"/>
    <mergeCell ref="B1776:E1778"/>
    <mergeCell ref="B1796:C1796"/>
    <mergeCell ref="D1796:E1796"/>
    <mergeCell ref="F1796:G1796"/>
    <mergeCell ref="H1796:I1796"/>
    <mergeCell ref="B1764:C1764"/>
    <mergeCell ref="D1764:E1764"/>
    <mergeCell ref="F1764:G1764"/>
    <mergeCell ref="H1764:I1764"/>
    <mergeCell ref="A1766:A1767"/>
    <mergeCell ref="B1766:I1767"/>
    <mergeCell ref="B1761:I1761"/>
    <mergeCell ref="A1762:A1763"/>
    <mergeCell ref="B1762:C1763"/>
    <mergeCell ref="D1762:E1763"/>
    <mergeCell ref="F1762:G1763"/>
    <mergeCell ref="H1762:I1763"/>
    <mergeCell ref="B1755:C1755"/>
    <mergeCell ref="D1755:E1755"/>
    <mergeCell ref="F1755:G1755"/>
    <mergeCell ref="H1755:I1755"/>
    <mergeCell ref="A1757:A1758"/>
    <mergeCell ref="B1757:I1758"/>
    <mergeCell ref="B1752:I1752"/>
    <mergeCell ref="A1753:A1754"/>
    <mergeCell ref="B1753:C1754"/>
    <mergeCell ref="D1753:E1754"/>
    <mergeCell ref="F1753:G1754"/>
    <mergeCell ref="H1753:I1754"/>
    <mergeCell ref="B1746:C1746"/>
    <mergeCell ref="D1746:E1746"/>
    <mergeCell ref="F1746:G1746"/>
    <mergeCell ref="H1746:I1746"/>
    <mergeCell ref="A1748:A1749"/>
    <mergeCell ref="B1748:I1749"/>
    <mergeCell ref="B1743:I1743"/>
    <mergeCell ref="A1744:A1745"/>
    <mergeCell ref="B1744:C1745"/>
    <mergeCell ref="D1744:E1745"/>
    <mergeCell ref="F1744:G1745"/>
    <mergeCell ref="H1744:I1745"/>
    <mergeCell ref="B1737:C1737"/>
    <mergeCell ref="D1737:E1737"/>
    <mergeCell ref="F1737:G1737"/>
    <mergeCell ref="H1737:I1737"/>
    <mergeCell ref="A1739:A1740"/>
    <mergeCell ref="B1739:I1740"/>
    <mergeCell ref="B1734:I1734"/>
    <mergeCell ref="A1735:A1736"/>
    <mergeCell ref="B1735:C1736"/>
    <mergeCell ref="D1735:E1736"/>
    <mergeCell ref="F1735:G1736"/>
    <mergeCell ref="H1735:I1736"/>
    <mergeCell ref="B1728:C1728"/>
    <mergeCell ref="D1728:E1728"/>
    <mergeCell ref="F1728:G1728"/>
    <mergeCell ref="H1728:I1728"/>
    <mergeCell ref="A1730:A1731"/>
    <mergeCell ref="B1730:I1731"/>
    <mergeCell ref="B1725:I1725"/>
    <mergeCell ref="A1726:A1727"/>
    <mergeCell ref="B1726:C1727"/>
    <mergeCell ref="D1726:E1727"/>
    <mergeCell ref="F1726:G1727"/>
    <mergeCell ref="H1726:I1727"/>
    <mergeCell ref="B1719:C1719"/>
    <mergeCell ref="D1719:E1719"/>
    <mergeCell ref="F1719:G1719"/>
    <mergeCell ref="H1719:I1719"/>
    <mergeCell ref="A1721:A1722"/>
    <mergeCell ref="B1721:I1722"/>
    <mergeCell ref="A1712:I1713"/>
    <mergeCell ref="B1716:I1716"/>
    <mergeCell ref="A1717:A1718"/>
    <mergeCell ref="B1717:C1718"/>
    <mergeCell ref="D1717:E1718"/>
    <mergeCell ref="F1717:G1718"/>
    <mergeCell ref="H1717:I1718"/>
    <mergeCell ref="B1705:C1705"/>
    <mergeCell ref="D1705:E1705"/>
    <mergeCell ref="F1705:G1705"/>
    <mergeCell ref="H1705:I1705"/>
    <mergeCell ref="A1707:A1708"/>
    <mergeCell ref="B1707:I1708"/>
    <mergeCell ref="B1702:I1702"/>
    <mergeCell ref="A1703:A1704"/>
    <mergeCell ref="B1703:C1704"/>
    <mergeCell ref="D1703:E1704"/>
    <mergeCell ref="F1703:G1704"/>
    <mergeCell ref="H1703:I1704"/>
    <mergeCell ref="B1696:C1696"/>
    <mergeCell ref="D1696:E1696"/>
    <mergeCell ref="F1696:G1696"/>
    <mergeCell ref="H1696:I1696"/>
    <mergeCell ref="A1698:A1699"/>
    <mergeCell ref="B1698:I1699"/>
    <mergeCell ref="B1693:I1693"/>
    <mergeCell ref="A1694:A1695"/>
    <mergeCell ref="B1694:C1695"/>
    <mergeCell ref="D1694:E1695"/>
    <mergeCell ref="F1694:G1695"/>
    <mergeCell ref="H1694:I1695"/>
    <mergeCell ref="B1687:C1687"/>
    <mergeCell ref="D1687:E1687"/>
    <mergeCell ref="F1687:G1687"/>
    <mergeCell ref="H1687:I1687"/>
    <mergeCell ref="A1689:A1690"/>
    <mergeCell ref="B1689:I1690"/>
    <mergeCell ref="B1684:I1684"/>
    <mergeCell ref="A1685:A1686"/>
    <mergeCell ref="B1685:C1686"/>
    <mergeCell ref="D1685:E1686"/>
    <mergeCell ref="F1685:G1686"/>
    <mergeCell ref="H1685:I1686"/>
    <mergeCell ref="B1678:C1678"/>
    <mergeCell ref="D1678:E1678"/>
    <mergeCell ref="F1678:G1678"/>
    <mergeCell ref="H1678:I1678"/>
    <mergeCell ref="A1680:A1681"/>
    <mergeCell ref="B1680:I1681"/>
    <mergeCell ref="B1675:I1675"/>
    <mergeCell ref="A1676:A1677"/>
    <mergeCell ref="B1676:C1677"/>
    <mergeCell ref="D1676:E1677"/>
    <mergeCell ref="F1676:G1677"/>
    <mergeCell ref="H1676:I1677"/>
    <mergeCell ref="B1669:C1669"/>
    <mergeCell ref="D1669:E1669"/>
    <mergeCell ref="F1669:G1669"/>
    <mergeCell ref="H1669:I1669"/>
    <mergeCell ref="A1671:A1672"/>
    <mergeCell ref="B1671:I1672"/>
    <mergeCell ref="B1666:I1666"/>
    <mergeCell ref="A1667:A1668"/>
    <mergeCell ref="B1667:C1668"/>
    <mergeCell ref="D1667:E1668"/>
    <mergeCell ref="F1667:G1668"/>
    <mergeCell ref="H1667:I1668"/>
    <mergeCell ref="B1660:C1660"/>
    <mergeCell ref="D1660:E1660"/>
    <mergeCell ref="F1660:G1660"/>
    <mergeCell ref="H1660:I1660"/>
    <mergeCell ref="A1662:A1663"/>
    <mergeCell ref="B1662:I1663"/>
    <mergeCell ref="A1653:I1654"/>
    <mergeCell ref="B1657:I1657"/>
    <mergeCell ref="A1658:A1659"/>
    <mergeCell ref="B1658:C1659"/>
    <mergeCell ref="D1658:E1659"/>
    <mergeCell ref="F1658:G1659"/>
    <mergeCell ref="H1658:I1659"/>
    <mergeCell ref="B1646:C1646"/>
    <mergeCell ref="D1646:E1646"/>
    <mergeCell ref="F1646:G1646"/>
    <mergeCell ref="H1646:I1646"/>
    <mergeCell ref="A1648:A1649"/>
    <mergeCell ref="B1648:I1649"/>
    <mergeCell ref="B1643:I1643"/>
    <mergeCell ref="A1644:A1645"/>
    <mergeCell ref="B1644:C1645"/>
    <mergeCell ref="D1644:E1645"/>
    <mergeCell ref="F1644:G1645"/>
    <mergeCell ref="H1644:I1645"/>
    <mergeCell ref="B1637:C1637"/>
    <mergeCell ref="D1637:E1637"/>
    <mergeCell ref="F1637:G1637"/>
    <mergeCell ref="H1637:I1637"/>
    <mergeCell ref="A1639:A1640"/>
    <mergeCell ref="B1639:I1640"/>
    <mergeCell ref="B1634:I1634"/>
    <mergeCell ref="A1635:A1636"/>
    <mergeCell ref="B1635:C1636"/>
    <mergeCell ref="D1635:E1636"/>
    <mergeCell ref="F1635:G1636"/>
    <mergeCell ref="H1635:I1636"/>
    <mergeCell ref="B1628:C1628"/>
    <mergeCell ref="D1628:E1628"/>
    <mergeCell ref="F1628:G1628"/>
    <mergeCell ref="H1628:I1628"/>
    <mergeCell ref="A1630:A1631"/>
    <mergeCell ref="B1630:I1631"/>
    <mergeCell ref="B1625:I1625"/>
    <mergeCell ref="A1626:A1627"/>
    <mergeCell ref="B1626:C1627"/>
    <mergeCell ref="D1626:E1627"/>
    <mergeCell ref="F1626:G1627"/>
    <mergeCell ref="H1626:I1627"/>
    <mergeCell ref="B1619:C1619"/>
    <mergeCell ref="D1619:E1619"/>
    <mergeCell ref="F1619:G1619"/>
    <mergeCell ref="H1619:I1619"/>
    <mergeCell ref="A1621:A1622"/>
    <mergeCell ref="B1621:I1622"/>
    <mergeCell ref="B1616:I1616"/>
    <mergeCell ref="A1617:A1618"/>
    <mergeCell ref="B1617:C1618"/>
    <mergeCell ref="D1617:E1618"/>
    <mergeCell ref="F1617:G1618"/>
    <mergeCell ref="H1617:I1618"/>
    <mergeCell ref="B1610:C1610"/>
    <mergeCell ref="D1610:E1610"/>
    <mergeCell ref="F1610:G1610"/>
    <mergeCell ref="H1610:I1610"/>
    <mergeCell ref="A1612:A1613"/>
    <mergeCell ref="B1612:I1613"/>
    <mergeCell ref="B1607:I1607"/>
    <mergeCell ref="A1608:A1609"/>
    <mergeCell ref="B1608:C1609"/>
    <mergeCell ref="D1608:E1609"/>
    <mergeCell ref="F1608:G1609"/>
    <mergeCell ref="H1608:I1609"/>
    <mergeCell ref="B1601:C1601"/>
    <mergeCell ref="D1601:E1601"/>
    <mergeCell ref="F1601:G1601"/>
    <mergeCell ref="H1601:I1601"/>
    <mergeCell ref="A1603:A1604"/>
    <mergeCell ref="B1603:I1604"/>
    <mergeCell ref="A1594:I1595"/>
    <mergeCell ref="B1598:I1598"/>
    <mergeCell ref="A1599:A1600"/>
    <mergeCell ref="B1599:C1600"/>
    <mergeCell ref="D1599:E1600"/>
    <mergeCell ref="F1599:G1600"/>
    <mergeCell ref="H1599:I1600"/>
    <mergeCell ref="B1587:C1587"/>
    <mergeCell ref="D1587:E1587"/>
    <mergeCell ref="F1587:G1587"/>
    <mergeCell ref="H1587:I1587"/>
    <mergeCell ref="A1589:A1590"/>
    <mergeCell ref="B1589:I1590"/>
    <mergeCell ref="B1584:I1584"/>
    <mergeCell ref="A1585:A1586"/>
    <mergeCell ref="B1585:C1586"/>
    <mergeCell ref="D1585:E1586"/>
    <mergeCell ref="F1585:G1586"/>
    <mergeCell ref="H1585:I1586"/>
    <mergeCell ref="B1578:C1578"/>
    <mergeCell ref="D1578:E1578"/>
    <mergeCell ref="F1578:G1578"/>
    <mergeCell ref="H1578:I1578"/>
    <mergeCell ref="A1580:A1581"/>
    <mergeCell ref="B1580:I1581"/>
    <mergeCell ref="B1575:I1575"/>
    <mergeCell ref="A1576:A1577"/>
    <mergeCell ref="B1576:C1577"/>
    <mergeCell ref="D1576:E1577"/>
    <mergeCell ref="F1576:G1577"/>
    <mergeCell ref="H1576:I1577"/>
    <mergeCell ref="B1569:C1569"/>
    <mergeCell ref="D1569:E1569"/>
    <mergeCell ref="F1569:G1569"/>
    <mergeCell ref="H1569:I1569"/>
    <mergeCell ref="A1571:A1572"/>
    <mergeCell ref="B1571:I1572"/>
    <mergeCell ref="B1566:I1566"/>
    <mergeCell ref="A1567:A1568"/>
    <mergeCell ref="B1567:C1568"/>
    <mergeCell ref="D1567:E1568"/>
    <mergeCell ref="F1567:G1568"/>
    <mergeCell ref="H1567:I1568"/>
    <mergeCell ref="B1560:C1560"/>
    <mergeCell ref="D1560:E1560"/>
    <mergeCell ref="F1560:G1560"/>
    <mergeCell ref="H1560:I1560"/>
    <mergeCell ref="A1562:A1563"/>
    <mergeCell ref="B1562:I1563"/>
    <mergeCell ref="B1557:I1557"/>
    <mergeCell ref="A1558:A1559"/>
    <mergeCell ref="B1558:C1559"/>
    <mergeCell ref="D1558:E1559"/>
    <mergeCell ref="F1558:G1559"/>
    <mergeCell ref="H1558:I1559"/>
    <mergeCell ref="B1551:C1551"/>
    <mergeCell ref="D1551:E1551"/>
    <mergeCell ref="F1551:G1551"/>
    <mergeCell ref="H1551:I1551"/>
    <mergeCell ref="A1553:A1554"/>
    <mergeCell ref="B1553:I1554"/>
    <mergeCell ref="B1548:I1548"/>
    <mergeCell ref="A1549:A1550"/>
    <mergeCell ref="B1549:C1550"/>
    <mergeCell ref="D1549:E1550"/>
    <mergeCell ref="F1549:G1550"/>
    <mergeCell ref="H1549:I1550"/>
    <mergeCell ref="B1542:C1542"/>
    <mergeCell ref="D1542:E1542"/>
    <mergeCell ref="F1542:G1542"/>
    <mergeCell ref="H1542:I1542"/>
    <mergeCell ref="A1544:A1545"/>
    <mergeCell ref="B1544:I1545"/>
    <mergeCell ref="A1535:I1536"/>
    <mergeCell ref="B1539:I1539"/>
    <mergeCell ref="A1540:A1541"/>
    <mergeCell ref="B1540:C1541"/>
    <mergeCell ref="D1540:E1541"/>
    <mergeCell ref="F1540:G1541"/>
    <mergeCell ref="H1540:I1541"/>
    <mergeCell ref="B1528:C1528"/>
    <mergeCell ref="D1528:E1528"/>
    <mergeCell ref="F1528:G1528"/>
    <mergeCell ref="H1528:I1528"/>
    <mergeCell ref="A1530:A1531"/>
    <mergeCell ref="B1530:I1531"/>
    <mergeCell ref="B1525:I1525"/>
    <mergeCell ref="A1526:A1527"/>
    <mergeCell ref="B1526:C1527"/>
    <mergeCell ref="D1526:E1527"/>
    <mergeCell ref="F1526:G1527"/>
    <mergeCell ref="H1526:I1527"/>
    <mergeCell ref="B1519:C1519"/>
    <mergeCell ref="D1519:E1519"/>
    <mergeCell ref="F1519:G1519"/>
    <mergeCell ref="H1519:I1519"/>
    <mergeCell ref="A1521:A1522"/>
    <mergeCell ref="B1521:I1522"/>
    <mergeCell ref="B1516:I1516"/>
    <mergeCell ref="A1517:A1518"/>
    <mergeCell ref="B1517:C1518"/>
    <mergeCell ref="D1517:E1518"/>
    <mergeCell ref="F1517:G1518"/>
    <mergeCell ref="H1517:I1518"/>
    <mergeCell ref="B1510:C1510"/>
    <mergeCell ref="D1510:E1510"/>
    <mergeCell ref="F1510:G1510"/>
    <mergeCell ref="H1510:I1510"/>
    <mergeCell ref="A1512:A1513"/>
    <mergeCell ref="B1512:I1513"/>
    <mergeCell ref="B1507:I1507"/>
    <mergeCell ref="A1508:A1509"/>
    <mergeCell ref="B1508:C1509"/>
    <mergeCell ref="D1508:E1509"/>
    <mergeCell ref="F1508:G1509"/>
    <mergeCell ref="H1508:I1509"/>
    <mergeCell ref="B1501:C1501"/>
    <mergeCell ref="D1501:E1501"/>
    <mergeCell ref="F1501:G1501"/>
    <mergeCell ref="H1501:I1501"/>
    <mergeCell ref="A1503:A1504"/>
    <mergeCell ref="B1503:I1504"/>
    <mergeCell ref="B1498:I1498"/>
    <mergeCell ref="A1499:A1500"/>
    <mergeCell ref="B1499:C1500"/>
    <mergeCell ref="D1499:E1500"/>
    <mergeCell ref="F1499:G1500"/>
    <mergeCell ref="H1499:I1500"/>
    <mergeCell ref="B1492:C1492"/>
    <mergeCell ref="D1492:E1492"/>
    <mergeCell ref="F1492:G1492"/>
    <mergeCell ref="H1492:I1492"/>
    <mergeCell ref="A1494:A1495"/>
    <mergeCell ref="B1494:I1495"/>
    <mergeCell ref="B1489:I1489"/>
    <mergeCell ref="A1490:A1491"/>
    <mergeCell ref="B1490:C1491"/>
    <mergeCell ref="D1490:E1491"/>
    <mergeCell ref="F1490:G1491"/>
    <mergeCell ref="H1490:I1491"/>
    <mergeCell ref="B1483:C1483"/>
    <mergeCell ref="D1483:E1483"/>
    <mergeCell ref="F1483:G1483"/>
    <mergeCell ref="H1483:I1483"/>
    <mergeCell ref="A1485:A1486"/>
    <mergeCell ref="B1485:I1486"/>
    <mergeCell ref="A1476:I1477"/>
    <mergeCell ref="B1480:I1480"/>
    <mergeCell ref="A1481:A1482"/>
    <mergeCell ref="B1481:C1482"/>
    <mergeCell ref="D1481:E1482"/>
    <mergeCell ref="F1481:G1482"/>
    <mergeCell ref="H1481:I1482"/>
    <mergeCell ref="B1469:C1469"/>
    <mergeCell ref="D1469:E1469"/>
    <mergeCell ref="F1469:G1469"/>
    <mergeCell ref="H1469:I1469"/>
    <mergeCell ref="A1471:A1472"/>
    <mergeCell ref="B1471:I1472"/>
    <mergeCell ref="B1466:I1466"/>
    <mergeCell ref="A1467:A1468"/>
    <mergeCell ref="B1467:C1468"/>
    <mergeCell ref="D1467:E1468"/>
    <mergeCell ref="F1467:G1468"/>
    <mergeCell ref="H1467:I1468"/>
    <mergeCell ref="B1460:C1460"/>
    <mergeCell ref="D1460:E1460"/>
    <mergeCell ref="F1460:G1460"/>
    <mergeCell ref="H1460:I1460"/>
    <mergeCell ref="A1462:A1463"/>
    <mergeCell ref="B1462:I1463"/>
    <mergeCell ref="B1457:I1457"/>
    <mergeCell ref="A1458:A1459"/>
    <mergeCell ref="B1458:C1459"/>
    <mergeCell ref="D1458:E1459"/>
    <mergeCell ref="F1458:G1459"/>
    <mergeCell ref="H1458:I1459"/>
    <mergeCell ref="B1451:C1451"/>
    <mergeCell ref="D1451:E1451"/>
    <mergeCell ref="F1451:G1451"/>
    <mergeCell ref="H1451:I1451"/>
    <mergeCell ref="A1453:A1454"/>
    <mergeCell ref="B1453:I1454"/>
    <mergeCell ref="B1448:I1448"/>
    <mergeCell ref="A1449:A1450"/>
    <mergeCell ref="B1449:C1450"/>
    <mergeCell ref="D1449:E1450"/>
    <mergeCell ref="F1449:G1450"/>
    <mergeCell ref="H1449:I1450"/>
    <mergeCell ref="B1442:C1442"/>
    <mergeCell ref="D1442:E1442"/>
    <mergeCell ref="F1442:G1442"/>
    <mergeCell ref="H1442:I1442"/>
    <mergeCell ref="A1444:A1445"/>
    <mergeCell ref="B1444:I1445"/>
    <mergeCell ref="B1439:I1439"/>
    <mergeCell ref="A1440:A1441"/>
    <mergeCell ref="B1440:C1441"/>
    <mergeCell ref="D1440:E1441"/>
    <mergeCell ref="F1440:G1441"/>
    <mergeCell ref="H1440:I1441"/>
    <mergeCell ref="B1433:C1433"/>
    <mergeCell ref="D1433:E1433"/>
    <mergeCell ref="F1433:G1433"/>
    <mergeCell ref="H1433:I1433"/>
    <mergeCell ref="A1435:A1436"/>
    <mergeCell ref="B1435:I1436"/>
    <mergeCell ref="B1430:I1430"/>
    <mergeCell ref="A1431:A1432"/>
    <mergeCell ref="B1431:C1432"/>
    <mergeCell ref="D1431:E1432"/>
    <mergeCell ref="F1431:G1432"/>
    <mergeCell ref="H1431:I1432"/>
    <mergeCell ref="B1424:C1424"/>
    <mergeCell ref="D1424:E1424"/>
    <mergeCell ref="F1424:G1424"/>
    <mergeCell ref="H1424:I1424"/>
    <mergeCell ref="A1426:A1427"/>
    <mergeCell ref="B1426:I1427"/>
    <mergeCell ref="A1417:I1418"/>
    <mergeCell ref="B1421:I1421"/>
    <mergeCell ref="A1422:A1423"/>
    <mergeCell ref="B1422:C1423"/>
    <mergeCell ref="D1422:E1423"/>
    <mergeCell ref="F1422:G1423"/>
    <mergeCell ref="H1422:I1423"/>
    <mergeCell ref="B1410:C1410"/>
    <mergeCell ref="D1410:E1410"/>
    <mergeCell ref="F1410:G1410"/>
    <mergeCell ref="H1410:I1410"/>
    <mergeCell ref="A1412:A1413"/>
    <mergeCell ref="B1412:I1413"/>
    <mergeCell ref="B1407:I1407"/>
    <mergeCell ref="A1408:A1409"/>
    <mergeCell ref="B1408:C1409"/>
    <mergeCell ref="D1408:E1409"/>
    <mergeCell ref="F1408:G1409"/>
    <mergeCell ref="H1408:I1409"/>
    <mergeCell ref="B1401:C1401"/>
    <mergeCell ref="D1401:E1401"/>
    <mergeCell ref="F1401:G1401"/>
    <mergeCell ref="H1401:I1401"/>
    <mergeCell ref="A1403:A1404"/>
    <mergeCell ref="B1403:I1404"/>
    <mergeCell ref="B1398:I1398"/>
    <mergeCell ref="A1399:A1400"/>
    <mergeCell ref="B1399:C1400"/>
    <mergeCell ref="D1399:E1400"/>
    <mergeCell ref="F1399:G1400"/>
    <mergeCell ref="H1399:I1400"/>
    <mergeCell ref="B1392:C1392"/>
    <mergeCell ref="D1392:E1392"/>
    <mergeCell ref="F1392:G1392"/>
    <mergeCell ref="H1392:I1392"/>
    <mergeCell ref="A1394:A1395"/>
    <mergeCell ref="B1394:I1395"/>
    <mergeCell ref="B1389:I1389"/>
    <mergeCell ref="A1390:A1391"/>
    <mergeCell ref="B1390:C1391"/>
    <mergeCell ref="D1390:E1391"/>
    <mergeCell ref="F1390:G1391"/>
    <mergeCell ref="H1390:I1391"/>
    <mergeCell ref="B1383:C1383"/>
    <mergeCell ref="D1383:E1383"/>
    <mergeCell ref="F1383:G1383"/>
    <mergeCell ref="H1383:I1383"/>
    <mergeCell ref="A1385:A1386"/>
    <mergeCell ref="B1385:I1386"/>
    <mergeCell ref="B1380:I1380"/>
    <mergeCell ref="A1381:A1382"/>
    <mergeCell ref="B1381:C1382"/>
    <mergeCell ref="D1381:E1382"/>
    <mergeCell ref="F1381:G1382"/>
    <mergeCell ref="H1381:I1382"/>
    <mergeCell ref="B1374:C1374"/>
    <mergeCell ref="D1374:E1374"/>
    <mergeCell ref="F1374:G1374"/>
    <mergeCell ref="H1374:I1374"/>
    <mergeCell ref="A1376:A1377"/>
    <mergeCell ref="B1376:I1377"/>
    <mergeCell ref="B1371:I1371"/>
    <mergeCell ref="A1372:A1373"/>
    <mergeCell ref="B1372:C1373"/>
    <mergeCell ref="D1372:E1373"/>
    <mergeCell ref="F1372:G1373"/>
    <mergeCell ref="H1372:I1373"/>
    <mergeCell ref="B1365:C1365"/>
    <mergeCell ref="D1365:E1365"/>
    <mergeCell ref="F1365:G1365"/>
    <mergeCell ref="H1365:I1365"/>
    <mergeCell ref="A1367:A1368"/>
    <mergeCell ref="B1367:I1368"/>
    <mergeCell ref="A1358:I1359"/>
    <mergeCell ref="B1362:I1362"/>
    <mergeCell ref="A1363:A1364"/>
    <mergeCell ref="B1363:C1364"/>
    <mergeCell ref="D1363:E1364"/>
    <mergeCell ref="F1363:G1364"/>
    <mergeCell ref="H1363:I1364"/>
    <mergeCell ref="B1351:C1351"/>
    <mergeCell ref="D1351:E1351"/>
    <mergeCell ref="F1351:G1351"/>
    <mergeCell ref="H1351:I1351"/>
    <mergeCell ref="A1353:A1354"/>
    <mergeCell ref="B1353:I1354"/>
    <mergeCell ref="B1348:I1348"/>
    <mergeCell ref="A1349:A1350"/>
    <mergeCell ref="B1349:C1350"/>
    <mergeCell ref="D1349:E1350"/>
    <mergeCell ref="F1349:G1350"/>
    <mergeCell ref="H1349:I1350"/>
    <mergeCell ref="B1342:C1342"/>
    <mergeCell ref="D1342:E1342"/>
    <mergeCell ref="F1342:G1342"/>
    <mergeCell ref="H1342:I1342"/>
    <mergeCell ref="A1344:A1345"/>
    <mergeCell ref="B1344:I1345"/>
    <mergeCell ref="B1339:I1339"/>
    <mergeCell ref="A1340:A1341"/>
    <mergeCell ref="B1340:C1341"/>
    <mergeCell ref="D1340:E1341"/>
    <mergeCell ref="F1340:G1341"/>
    <mergeCell ref="H1340:I1341"/>
    <mergeCell ref="B1333:C1333"/>
    <mergeCell ref="D1333:E1333"/>
    <mergeCell ref="F1333:G1333"/>
    <mergeCell ref="H1333:I1333"/>
    <mergeCell ref="A1335:A1336"/>
    <mergeCell ref="B1335:I1336"/>
    <mergeCell ref="B1330:I1330"/>
    <mergeCell ref="A1331:A1332"/>
    <mergeCell ref="B1331:C1332"/>
    <mergeCell ref="D1331:E1332"/>
    <mergeCell ref="F1331:G1332"/>
    <mergeCell ref="H1331:I1332"/>
    <mergeCell ref="B1324:C1324"/>
    <mergeCell ref="D1324:E1324"/>
    <mergeCell ref="F1324:G1324"/>
    <mergeCell ref="H1324:I1324"/>
    <mergeCell ref="A1326:A1327"/>
    <mergeCell ref="B1326:I1327"/>
    <mergeCell ref="B1321:I1321"/>
    <mergeCell ref="A1322:A1323"/>
    <mergeCell ref="B1322:C1323"/>
    <mergeCell ref="D1322:E1323"/>
    <mergeCell ref="F1322:G1323"/>
    <mergeCell ref="H1322:I1323"/>
    <mergeCell ref="B1315:C1315"/>
    <mergeCell ref="D1315:E1315"/>
    <mergeCell ref="F1315:G1315"/>
    <mergeCell ref="H1315:I1315"/>
    <mergeCell ref="A1317:A1318"/>
    <mergeCell ref="B1317:I1318"/>
    <mergeCell ref="B1312:I1312"/>
    <mergeCell ref="A1313:A1314"/>
    <mergeCell ref="B1313:C1314"/>
    <mergeCell ref="D1313:E1314"/>
    <mergeCell ref="F1313:G1314"/>
    <mergeCell ref="H1313:I1314"/>
    <mergeCell ref="B1306:C1306"/>
    <mergeCell ref="D1306:E1306"/>
    <mergeCell ref="F1306:G1306"/>
    <mergeCell ref="H1306:I1306"/>
    <mergeCell ref="A1308:A1309"/>
    <mergeCell ref="B1308:I1309"/>
    <mergeCell ref="A1299:I1300"/>
    <mergeCell ref="B1303:I1303"/>
    <mergeCell ref="A1304:A1305"/>
    <mergeCell ref="B1304:C1305"/>
    <mergeCell ref="D1304:E1305"/>
    <mergeCell ref="F1304:G1305"/>
    <mergeCell ref="H1304:I1305"/>
    <mergeCell ref="B1292:C1292"/>
    <mergeCell ref="D1292:E1292"/>
    <mergeCell ref="F1292:G1292"/>
    <mergeCell ref="H1292:I1292"/>
    <mergeCell ref="A1294:A1295"/>
    <mergeCell ref="B1294:I1295"/>
    <mergeCell ref="B1289:I1289"/>
    <mergeCell ref="A1290:A1291"/>
    <mergeCell ref="B1290:C1291"/>
    <mergeCell ref="D1290:E1291"/>
    <mergeCell ref="F1290:G1291"/>
    <mergeCell ref="H1290:I1291"/>
    <mergeCell ref="B1283:C1283"/>
    <mergeCell ref="D1283:E1283"/>
    <mergeCell ref="F1283:G1283"/>
    <mergeCell ref="H1283:I1283"/>
    <mergeCell ref="A1285:A1286"/>
    <mergeCell ref="B1285:I1286"/>
    <mergeCell ref="B1280:I1280"/>
    <mergeCell ref="A1281:A1282"/>
    <mergeCell ref="B1281:C1282"/>
    <mergeCell ref="D1281:E1282"/>
    <mergeCell ref="F1281:G1282"/>
    <mergeCell ref="H1281:I1282"/>
    <mergeCell ref="B1274:C1274"/>
    <mergeCell ref="D1274:E1274"/>
    <mergeCell ref="F1274:G1274"/>
    <mergeCell ref="H1274:I1274"/>
    <mergeCell ref="A1276:A1277"/>
    <mergeCell ref="B1276:I1277"/>
    <mergeCell ref="B1271:I1271"/>
    <mergeCell ref="A1272:A1273"/>
    <mergeCell ref="B1272:C1273"/>
    <mergeCell ref="D1272:E1273"/>
    <mergeCell ref="F1272:G1273"/>
    <mergeCell ref="H1272:I1273"/>
    <mergeCell ref="B1265:C1265"/>
    <mergeCell ref="D1265:E1265"/>
    <mergeCell ref="F1265:G1265"/>
    <mergeCell ref="H1265:I1265"/>
    <mergeCell ref="A1267:A1268"/>
    <mergeCell ref="B1267:I1268"/>
    <mergeCell ref="B1262:I1262"/>
    <mergeCell ref="A1263:A1264"/>
    <mergeCell ref="B1263:C1264"/>
    <mergeCell ref="D1263:E1264"/>
    <mergeCell ref="F1263:G1264"/>
    <mergeCell ref="H1263:I1264"/>
    <mergeCell ref="B1256:C1256"/>
    <mergeCell ref="D1256:E1256"/>
    <mergeCell ref="F1256:G1256"/>
    <mergeCell ref="H1256:I1256"/>
    <mergeCell ref="A1258:A1259"/>
    <mergeCell ref="B1258:I1259"/>
    <mergeCell ref="B1253:I1253"/>
    <mergeCell ref="A1254:A1255"/>
    <mergeCell ref="B1254:C1255"/>
    <mergeCell ref="D1254:E1255"/>
    <mergeCell ref="F1254:G1255"/>
    <mergeCell ref="H1254:I1255"/>
    <mergeCell ref="B1247:C1247"/>
    <mergeCell ref="D1247:E1247"/>
    <mergeCell ref="F1247:G1247"/>
    <mergeCell ref="H1247:I1247"/>
    <mergeCell ref="A1249:A1250"/>
    <mergeCell ref="B1249:I1250"/>
    <mergeCell ref="A1240:I1241"/>
    <mergeCell ref="B1244:I1244"/>
    <mergeCell ref="A1245:A1246"/>
    <mergeCell ref="B1245:C1246"/>
    <mergeCell ref="D1245:E1246"/>
    <mergeCell ref="F1245:G1246"/>
    <mergeCell ref="H1245:I1246"/>
    <mergeCell ref="B1233:C1233"/>
    <mergeCell ref="D1233:E1233"/>
    <mergeCell ref="F1233:G1233"/>
    <mergeCell ref="H1233:I1233"/>
    <mergeCell ref="A1235:A1236"/>
    <mergeCell ref="B1235:I1236"/>
    <mergeCell ref="B1230:I1230"/>
    <mergeCell ref="A1231:A1232"/>
    <mergeCell ref="B1231:C1232"/>
    <mergeCell ref="D1231:E1232"/>
    <mergeCell ref="F1231:G1232"/>
    <mergeCell ref="H1231:I1232"/>
    <mergeCell ref="B1224:C1224"/>
    <mergeCell ref="D1224:E1224"/>
    <mergeCell ref="F1224:G1224"/>
    <mergeCell ref="H1224:I1224"/>
    <mergeCell ref="A1226:A1227"/>
    <mergeCell ref="B1226:I1227"/>
    <mergeCell ref="B1221:I1221"/>
    <mergeCell ref="A1222:A1223"/>
    <mergeCell ref="B1222:C1223"/>
    <mergeCell ref="D1222:E1223"/>
    <mergeCell ref="F1222:G1223"/>
    <mergeCell ref="H1222:I1223"/>
    <mergeCell ref="B1215:C1215"/>
    <mergeCell ref="D1215:E1215"/>
    <mergeCell ref="F1215:G1215"/>
    <mergeCell ref="H1215:I1215"/>
    <mergeCell ref="A1217:A1218"/>
    <mergeCell ref="B1217:I1218"/>
    <mergeCell ref="B1212:I1212"/>
    <mergeCell ref="A1213:A1214"/>
    <mergeCell ref="B1213:C1214"/>
    <mergeCell ref="D1213:E1214"/>
    <mergeCell ref="F1213:G1214"/>
    <mergeCell ref="H1213:I1214"/>
    <mergeCell ref="B1206:C1206"/>
    <mergeCell ref="D1206:E1206"/>
    <mergeCell ref="F1206:G1206"/>
    <mergeCell ref="H1206:I1206"/>
    <mergeCell ref="A1208:A1209"/>
    <mergeCell ref="B1208:I1209"/>
    <mergeCell ref="B1203:I1203"/>
    <mergeCell ref="A1204:A1205"/>
    <mergeCell ref="B1204:C1205"/>
    <mergeCell ref="D1204:E1205"/>
    <mergeCell ref="F1204:G1205"/>
    <mergeCell ref="H1204:I1205"/>
    <mergeCell ref="B1197:C1197"/>
    <mergeCell ref="D1197:E1197"/>
    <mergeCell ref="F1197:G1197"/>
    <mergeCell ref="H1197:I1197"/>
    <mergeCell ref="A1199:A1200"/>
    <mergeCell ref="B1199:I1200"/>
    <mergeCell ref="B1194:I1194"/>
    <mergeCell ref="A1195:A1196"/>
    <mergeCell ref="B1195:C1196"/>
    <mergeCell ref="D1195:E1196"/>
    <mergeCell ref="F1195:G1196"/>
    <mergeCell ref="H1195:I1196"/>
    <mergeCell ref="B1188:C1188"/>
    <mergeCell ref="D1188:E1188"/>
    <mergeCell ref="F1188:G1188"/>
    <mergeCell ref="H1188:I1188"/>
    <mergeCell ref="A1190:A1191"/>
    <mergeCell ref="B1190:I1191"/>
    <mergeCell ref="A1181:I1182"/>
    <mergeCell ref="B1185:I1185"/>
    <mergeCell ref="A1186:A1187"/>
    <mergeCell ref="B1186:C1187"/>
    <mergeCell ref="D1186:E1187"/>
    <mergeCell ref="F1186:G1187"/>
    <mergeCell ref="H1186:I1187"/>
    <mergeCell ref="B1174:C1174"/>
    <mergeCell ref="D1174:E1174"/>
    <mergeCell ref="F1174:G1174"/>
    <mergeCell ref="H1174:I1174"/>
    <mergeCell ref="A1176:A1177"/>
    <mergeCell ref="B1176:I1177"/>
    <mergeCell ref="B1171:I1171"/>
    <mergeCell ref="A1172:A1173"/>
    <mergeCell ref="B1172:C1173"/>
    <mergeCell ref="D1172:E1173"/>
    <mergeCell ref="F1172:G1173"/>
    <mergeCell ref="H1172:I1173"/>
    <mergeCell ref="B1165:C1165"/>
    <mergeCell ref="D1165:E1165"/>
    <mergeCell ref="F1165:G1165"/>
    <mergeCell ref="H1165:I1165"/>
    <mergeCell ref="A1167:A1168"/>
    <mergeCell ref="B1167:I1168"/>
    <mergeCell ref="B1162:I1162"/>
    <mergeCell ref="A1163:A1164"/>
    <mergeCell ref="B1163:C1164"/>
    <mergeCell ref="D1163:E1164"/>
    <mergeCell ref="F1163:G1164"/>
    <mergeCell ref="H1163:I1164"/>
    <mergeCell ref="B1156:C1156"/>
    <mergeCell ref="D1156:E1156"/>
    <mergeCell ref="F1156:G1156"/>
    <mergeCell ref="H1156:I1156"/>
    <mergeCell ref="A1158:A1159"/>
    <mergeCell ref="B1158:I1159"/>
    <mergeCell ref="B1153:I1153"/>
    <mergeCell ref="A1154:A1155"/>
    <mergeCell ref="B1154:C1155"/>
    <mergeCell ref="D1154:E1155"/>
    <mergeCell ref="F1154:G1155"/>
    <mergeCell ref="H1154:I1155"/>
    <mergeCell ref="B1147:C1147"/>
    <mergeCell ref="D1147:E1147"/>
    <mergeCell ref="F1147:G1147"/>
    <mergeCell ref="H1147:I1147"/>
    <mergeCell ref="A1149:A1150"/>
    <mergeCell ref="B1149:I1150"/>
    <mergeCell ref="B1144:I1144"/>
    <mergeCell ref="A1145:A1146"/>
    <mergeCell ref="B1145:C1146"/>
    <mergeCell ref="D1145:E1146"/>
    <mergeCell ref="F1145:G1146"/>
    <mergeCell ref="H1145:I1146"/>
    <mergeCell ref="B1138:C1138"/>
    <mergeCell ref="D1138:E1138"/>
    <mergeCell ref="F1138:G1138"/>
    <mergeCell ref="H1138:I1138"/>
    <mergeCell ref="A1140:A1141"/>
    <mergeCell ref="B1140:I1141"/>
    <mergeCell ref="B1135:I1135"/>
    <mergeCell ref="A1136:A1137"/>
    <mergeCell ref="B1136:C1137"/>
    <mergeCell ref="D1136:E1137"/>
    <mergeCell ref="F1136:G1137"/>
    <mergeCell ref="H1136:I1137"/>
    <mergeCell ref="B1129:C1129"/>
    <mergeCell ref="D1129:E1129"/>
    <mergeCell ref="F1129:G1129"/>
    <mergeCell ref="H1129:I1129"/>
    <mergeCell ref="A1131:A1132"/>
    <mergeCell ref="B1131:I1132"/>
    <mergeCell ref="A1122:I1123"/>
    <mergeCell ref="B1126:I1126"/>
    <mergeCell ref="A1127:A1128"/>
    <mergeCell ref="B1127:C1128"/>
    <mergeCell ref="D1127:E1128"/>
    <mergeCell ref="F1127:G1128"/>
    <mergeCell ref="H1127:I1128"/>
    <mergeCell ref="B1115:C1115"/>
    <mergeCell ref="D1115:E1115"/>
    <mergeCell ref="F1115:G1115"/>
    <mergeCell ref="H1115:I1115"/>
    <mergeCell ref="A1117:A1118"/>
    <mergeCell ref="B1117:I1118"/>
    <mergeCell ref="B1112:I1112"/>
    <mergeCell ref="A1113:A1114"/>
    <mergeCell ref="B1113:C1114"/>
    <mergeCell ref="D1113:E1114"/>
    <mergeCell ref="F1113:G1114"/>
    <mergeCell ref="H1113:I1114"/>
    <mergeCell ref="B1106:C1106"/>
    <mergeCell ref="D1106:E1106"/>
    <mergeCell ref="F1106:G1106"/>
    <mergeCell ref="H1106:I1106"/>
    <mergeCell ref="A1108:A1109"/>
    <mergeCell ref="B1108:I1109"/>
    <mergeCell ref="B1103:I1103"/>
    <mergeCell ref="A1104:A1105"/>
    <mergeCell ref="B1104:C1105"/>
    <mergeCell ref="D1104:E1105"/>
    <mergeCell ref="F1104:G1105"/>
    <mergeCell ref="H1104:I1105"/>
    <mergeCell ref="B1097:C1097"/>
    <mergeCell ref="D1097:E1097"/>
    <mergeCell ref="F1097:G1097"/>
    <mergeCell ref="H1097:I1097"/>
    <mergeCell ref="A1099:A1100"/>
    <mergeCell ref="B1099:I1100"/>
    <mergeCell ref="B1094:I1094"/>
    <mergeCell ref="A1095:A1096"/>
    <mergeCell ref="B1095:C1096"/>
    <mergeCell ref="D1095:E1096"/>
    <mergeCell ref="F1095:G1096"/>
    <mergeCell ref="H1095:I1096"/>
    <mergeCell ref="B1088:C1088"/>
    <mergeCell ref="D1088:E1088"/>
    <mergeCell ref="F1088:G1088"/>
    <mergeCell ref="H1088:I1088"/>
    <mergeCell ref="A1090:A1091"/>
    <mergeCell ref="B1090:I1091"/>
    <mergeCell ref="B1085:I1085"/>
    <mergeCell ref="A1086:A1087"/>
    <mergeCell ref="B1086:C1087"/>
    <mergeCell ref="D1086:E1087"/>
    <mergeCell ref="F1086:G1087"/>
    <mergeCell ref="H1086:I1087"/>
    <mergeCell ref="B1079:C1079"/>
    <mergeCell ref="D1079:E1079"/>
    <mergeCell ref="F1079:G1079"/>
    <mergeCell ref="H1079:I1079"/>
    <mergeCell ref="A1081:A1082"/>
    <mergeCell ref="B1081:I1082"/>
    <mergeCell ref="B1076:I1076"/>
    <mergeCell ref="A1077:A1078"/>
    <mergeCell ref="B1077:C1078"/>
    <mergeCell ref="D1077:E1078"/>
    <mergeCell ref="F1077:G1078"/>
    <mergeCell ref="H1077:I1078"/>
    <mergeCell ref="B1070:C1070"/>
    <mergeCell ref="D1070:E1070"/>
    <mergeCell ref="F1070:G1070"/>
    <mergeCell ref="H1070:I1070"/>
    <mergeCell ref="A1072:A1073"/>
    <mergeCell ref="B1072:I1073"/>
    <mergeCell ref="A1063:I1064"/>
    <mergeCell ref="B1067:I1067"/>
    <mergeCell ref="A1068:A1069"/>
    <mergeCell ref="B1068:C1069"/>
    <mergeCell ref="D1068:E1069"/>
    <mergeCell ref="F1068:G1069"/>
    <mergeCell ref="H1068:I1069"/>
    <mergeCell ref="B1056:C1056"/>
    <mergeCell ref="D1056:E1056"/>
    <mergeCell ref="F1056:G1056"/>
    <mergeCell ref="H1056:I1056"/>
    <mergeCell ref="A1058:A1059"/>
    <mergeCell ref="B1058:I1059"/>
    <mergeCell ref="B1053:I1053"/>
    <mergeCell ref="A1054:A1055"/>
    <mergeCell ref="B1054:C1055"/>
    <mergeCell ref="D1054:E1055"/>
    <mergeCell ref="F1054:G1055"/>
    <mergeCell ref="H1054:I1055"/>
    <mergeCell ref="B1047:C1047"/>
    <mergeCell ref="D1047:E1047"/>
    <mergeCell ref="F1047:G1047"/>
    <mergeCell ref="H1047:I1047"/>
    <mergeCell ref="A1049:A1050"/>
    <mergeCell ref="B1049:I1050"/>
    <mergeCell ref="B1044:I1044"/>
    <mergeCell ref="A1045:A1046"/>
    <mergeCell ref="B1045:C1046"/>
    <mergeCell ref="D1045:E1046"/>
    <mergeCell ref="F1045:G1046"/>
    <mergeCell ref="H1045:I1046"/>
    <mergeCell ref="B1038:C1038"/>
    <mergeCell ref="D1038:E1038"/>
    <mergeCell ref="F1038:G1038"/>
    <mergeCell ref="H1038:I1038"/>
    <mergeCell ref="A1040:A1041"/>
    <mergeCell ref="B1040:I1041"/>
    <mergeCell ref="B1035:I1035"/>
    <mergeCell ref="A1036:A1037"/>
    <mergeCell ref="B1036:C1037"/>
    <mergeCell ref="D1036:E1037"/>
    <mergeCell ref="F1036:G1037"/>
    <mergeCell ref="H1036:I1037"/>
    <mergeCell ref="B1029:C1029"/>
    <mergeCell ref="D1029:E1029"/>
    <mergeCell ref="F1029:G1029"/>
    <mergeCell ref="H1029:I1029"/>
    <mergeCell ref="A1031:A1032"/>
    <mergeCell ref="B1031:I1032"/>
    <mergeCell ref="B1026:I1026"/>
    <mergeCell ref="A1027:A1028"/>
    <mergeCell ref="B1027:C1028"/>
    <mergeCell ref="D1027:E1028"/>
    <mergeCell ref="F1027:G1028"/>
    <mergeCell ref="H1027:I1028"/>
    <mergeCell ref="B1020:C1020"/>
    <mergeCell ref="D1020:E1020"/>
    <mergeCell ref="F1020:G1020"/>
    <mergeCell ref="H1020:I1020"/>
    <mergeCell ref="A1022:A1023"/>
    <mergeCell ref="B1022:I1023"/>
    <mergeCell ref="B1017:I1017"/>
    <mergeCell ref="A1018:A1019"/>
    <mergeCell ref="B1018:C1019"/>
    <mergeCell ref="D1018:E1019"/>
    <mergeCell ref="F1018:G1019"/>
    <mergeCell ref="H1018:I1019"/>
    <mergeCell ref="B1011:C1011"/>
    <mergeCell ref="D1011:E1011"/>
    <mergeCell ref="F1011:G1011"/>
    <mergeCell ref="H1011:I1011"/>
    <mergeCell ref="A1013:A1014"/>
    <mergeCell ref="B1013:I1014"/>
    <mergeCell ref="A1004:I1005"/>
    <mergeCell ref="B1008:I1008"/>
    <mergeCell ref="A1009:A1010"/>
    <mergeCell ref="B1009:C1010"/>
    <mergeCell ref="D1009:E1010"/>
    <mergeCell ref="F1009:G1010"/>
    <mergeCell ref="H1009:I1010"/>
    <mergeCell ref="B997:C997"/>
    <mergeCell ref="D997:E997"/>
    <mergeCell ref="F997:G997"/>
    <mergeCell ref="H997:I997"/>
    <mergeCell ref="A999:A1000"/>
    <mergeCell ref="B999:I1000"/>
    <mergeCell ref="B994:I994"/>
    <mergeCell ref="A995:A996"/>
    <mergeCell ref="B995:C996"/>
    <mergeCell ref="D995:E996"/>
    <mergeCell ref="F995:G996"/>
    <mergeCell ref="H995:I996"/>
    <mergeCell ref="B988:C988"/>
    <mergeCell ref="D988:E988"/>
    <mergeCell ref="F988:G988"/>
    <mergeCell ref="H988:I988"/>
    <mergeCell ref="A990:A991"/>
    <mergeCell ref="B990:I991"/>
    <mergeCell ref="B985:I985"/>
    <mergeCell ref="A986:A987"/>
    <mergeCell ref="B986:C987"/>
    <mergeCell ref="D986:E987"/>
    <mergeCell ref="F986:G987"/>
    <mergeCell ref="H986:I987"/>
    <mergeCell ref="B979:C979"/>
    <mergeCell ref="D979:E979"/>
    <mergeCell ref="F979:G979"/>
    <mergeCell ref="H979:I979"/>
    <mergeCell ref="A981:A982"/>
    <mergeCell ref="B981:I982"/>
    <mergeCell ref="B976:I976"/>
    <mergeCell ref="A977:A978"/>
    <mergeCell ref="B977:C978"/>
    <mergeCell ref="D977:E978"/>
    <mergeCell ref="F977:G978"/>
    <mergeCell ref="H977:I978"/>
    <mergeCell ref="B970:C970"/>
    <mergeCell ref="D970:E970"/>
    <mergeCell ref="F970:G970"/>
    <mergeCell ref="H970:I970"/>
    <mergeCell ref="A972:A973"/>
    <mergeCell ref="B972:I973"/>
    <mergeCell ref="B967:I967"/>
    <mergeCell ref="A968:A969"/>
    <mergeCell ref="B968:C969"/>
    <mergeCell ref="D968:E969"/>
    <mergeCell ref="F968:G969"/>
    <mergeCell ref="H968:I969"/>
    <mergeCell ref="B961:C961"/>
    <mergeCell ref="D961:E961"/>
    <mergeCell ref="F961:G961"/>
    <mergeCell ref="H961:I961"/>
    <mergeCell ref="A963:A964"/>
    <mergeCell ref="B963:I964"/>
    <mergeCell ref="B958:I958"/>
    <mergeCell ref="A959:A960"/>
    <mergeCell ref="B959:C960"/>
    <mergeCell ref="D959:E960"/>
    <mergeCell ref="F959:G960"/>
    <mergeCell ref="H959:I960"/>
    <mergeCell ref="B952:C952"/>
    <mergeCell ref="D952:E952"/>
    <mergeCell ref="F952:G952"/>
    <mergeCell ref="H952:I952"/>
    <mergeCell ref="A954:A955"/>
    <mergeCell ref="B954:I955"/>
    <mergeCell ref="A945:I946"/>
    <mergeCell ref="B949:I949"/>
    <mergeCell ref="A950:A951"/>
    <mergeCell ref="B950:C951"/>
    <mergeCell ref="D950:E951"/>
    <mergeCell ref="F950:G951"/>
    <mergeCell ref="H950:I951"/>
    <mergeCell ref="B938:C938"/>
    <mergeCell ref="D938:E938"/>
    <mergeCell ref="F938:G938"/>
    <mergeCell ref="H938:I938"/>
    <mergeCell ref="A940:A941"/>
    <mergeCell ref="B940:I941"/>
    <mergeCell ref="B935:I935"/>
    <mergeCell ref="A936:A937"/>
    <mergeCell ref="B936:C937"/>
    <mergeCell ref="D936:E937"/>
    <mergeCell ref="F936:G937"/>
    <mergeCell ref="H936:I937"/>
    <mergeCell ref="B929:C929"/>
    <mergeCell ref="D929:E929"/>
    <mergeCell ref="F929:G929"/>
    <mergeCell ref="H929:I929"/>
    <mergeCell ref="A931:A932"/>
    <mergeCell ref="B931:I932"/>
    <mergeCell ref="B926:I926"/>
    <mergeCell ref="A927:A928"/>
    <mergeCell ref="B927:C928"/>
    <mergeCell ref="D927:E928"/>
    <mergeCell ref="F927:G928"/>
    <mergeCell ref="H927:I928"/>
    <mergeCell ref="B920:C920"/>
    <mergeCell ref="D920:E920"/>
    <mergeCell ref="F920:G920"/>
    <mergeCell ref="H920:I920"/>
    <mergeCell ref="A922:A923"/>
    <mergeCell ref="B922:I923"/>
    <mergeCell ref="B917:I917"/>
    <mergeCell ref="A918:A919"/>
    <mergeCell ref="B918:C919"/>
    <mergeCell ref="D918:E919"/>
    <mergeCell ref="F918:G919"/>
    <mergeCell ref="H918:I919"/>
    <mergeCell ref="B911:C911"/>
    <mergeCell ref="D911:E911"/>
    <mergeCell ref="F911:G911"/>
    <mergeCell ref="H911:I911"/>
    <mergeCell ref="A913:A914"/>
    <mergeCell ref="B913:I914"/>
    <mergeCell ref="B908:I908"/>
    <mergeCell ref="A909:A910"/>
    <mergeCell ref="B909:C910"/>
    <mergeCell ref="D909:E910"/>
    <mergeCell ref="F909:G910"/>
    <mergeCell ref="H909:I910"/>
    <mergeCell ref="B902:C902"/>
    <mergeCell ref="D902:E902"/>
    <mergeCell ref="F902:G902"/>
    <mergeCell ref="H902:I902"/>
    <mergeCell ref="A904:A905"/>
    <mergeCell ref="B904:I905"/>
    <mergeCell ref="B899:I899"/>
    <mergeCell ref="A900:A901"/>
    <mergeCell ref="B900:C901"/>
    <mergeCell ref="D900:E901"/>
    <mergeCell ref="F900:G901"/>
    <mergeCell ref="H900:I901"/>
    <mergeCell ref="B893:C893"/>
    <mergeCell ref="D893:E893"/>
    <mergeCell ref="F893:G893"/>
    <mergeCell ref="H893:I893"/>
    <mergeCell ref="A895:A896"/>
    <mergeCell ref="B895:I896"/>
    <mergeCell ref="A886:I887"/>
    <mergeCell ref="B890:I890"/>
    <mergeCell ref="A891:A892"/>
    <mergeCell ref="B891:C892"/>
    <mergeCell ref="D891:E892"/>
    <mergeCell ref="F891:G892"/>
    <mergeCell ref="H891:I892"/>
    <mergeCell ref="B879:C879"/>
    <mergeCell ref="D879:E879"/>
    <mergeCell ref="F879:G879"/>
    <mergeCell ref="H879:I879"/>
    <mergeCell ref="A881:A882"/>
    <mergeCell ref="B881:I882"/>
    <mergeCell ref="B876:I876"/>
    <mergeCell ref="A877:A878"/>
    <mergeCell ref="B877:C878"/>
    <mergeCell ref="D877:E878"/>
    <mergeCell ref="F877:G878"/>
    <mergeCell ref="H877:I878"/>
    <mergeCell ref="B870:C870"/>
    <mergeCell ref="D870:E870"/>
    <mergeCell ref="F870:G870"/>
    <mergeCell ref="H870:I870"/>
    <mergeCell ref="A872:A873"/>
    <mergeCell ref="B872:I873"/>
    <mergeCell ref="B867:I867"/>
    <mergeCell ref="A868:A869"/>
    <mergeCell ref="B868:C869"/>
    <mergeCell ref="D868:E869"/>
    <mergeCell ref="F868:G869"/>
    <mergeCell ref="H868:I869"/>
    <mergeCell ref="B861:C861"/>
    <mergeCell ref="D861:E861"/>
    <mergeCell ref="F861:G861"/>
    <mergeCell ref="H861:I861"/>
    <mergeCell ref="A863:A864"/>
    <mergeCell ref="B863:I864"/>
    <mergeCell ref="B858:I858"/>
    <mergeCell ref="A859:A860"/>
    <mergeCell ref="B859:C860"/>
    <mergeCell ref="D859:E860"/>
    <mergeCell ref="F859:G860"/>
    <mergeCell ref="H859:I860"/>
    <mergeCell ref="B852:C852"/>
    <mergeCell ref="D852:E852"/>
    <mergeCell ref="F852:G852"/>
    <mergeCell ref="H852:I852"/>
    <mergeCell ref="A854:A855"/>
    <mergeCell ref="B854:I855"/>
    <mergeCell ref="B849:I849"/>
    <mergeCell ref="A850:A851"/>
    <mergeCell ref="B850:C851"/>
    <mergeCell ref="D850:E851"/>
    <mergeCell ref="F850:G851"/>
    <mergeCell ref="H850:I851"/>
    <mergeCell ref="B843:C843"/>
    <mergeCell ref="D843:E843"/>
    <mergeCell ref="F843:G843"/>
    <mergeCell ref="H843:I843"/>
    <mergeCell ref="A845:A846"/>
    <mergeCell ref="B845:I846"/>
    <mergeCell ref="B840:I840"/>
    <mergeCell ref="A841:A842"/>
    <mergeCell ref="B841:C842"/>
    <mergeCell ref="D841:E842"/>
    <mergeCell ref="F841:G842"/>
    <mergeCell ref="H841:I842"/>
    <mergeCell ref="B834:C834"/>
    <mergeCell ref="D834:E834"/>
    <mergeCell ref="F834:G834"/>
    <mergeCell ref="H834:I834"/>
    <mergeCell ref="A836:A837"/>
    <mergeCell ref="B836:I837"/>
    <mergeCell ref="A827:I828"/>
    <mergeCell ref="B831:I831"/>
    <mergeCell ref="A832:A833"/>
    <mergeCell ref="B832:C833"/>
    <mergeCell ref="D832:E833"/>
    <mergeCell ref="F832:G833"/>
    <mergeCell ref="H832:I833"/>
    <mergeCell ref="B820:C820"/>
    <mergeCell ref="D820:E820"/>
    <mergeCell ref="F820:G820"/>
    <mergeCell ref="H820:I820"/>
    <mergeCell ref="A822:A823"/>
    <mergeCell ref="B822:I823"/>
    <mergeCell ref="B817:I817"/>
    <mergeCell ref="A818:A819"/>
    <mergeCell ref="B818:C819"/>
    <mergeCell ref="D818:E819"/>
    <mergeCell ref="F818:G819"/>
    <mergeCell ref="H818:I819"/>
    <mergeCell ref="B811:C811"/>
    <mergeCell ref="D811:E811"/>
    <mergeCell ref="F811:G811"/>
    <mergeCell ref="H811:I811"/>
    <mergeCell ref="A813:A814"/>
    <mergeCell ref="B813:I814"/>
    <mergeCell ref="B808:I808"/>
    <mergeCell ref="A809:A810"/>
    <mergeCell ref="B809:C810"/>
    <mergeCell ref="D809:E810"/>
    <mergeCell ref="F809:G810"/>
    <mergeCell ref="H809:I810"/>
    <mergeCell ref="B802:C802"/>
    <mergeCell ref="D802:E802"/>
    <mergeCell ref="F802:G802"/>
    <mergeCell ref="H802:I802"/>
    <mergeCell ref="A804:A805"/>
    <mergeCell ref="B804:I805"/>
    <mergeCell ref="B799:I799"/>
    <mergeCell ref="A800:A801"/>
    <mergeCell ref="B800:C801"/>
    <mergeCell ref="D800:E801"/>
    <mergeCell ref="F800:G801"/>
    <mergeCell ref="H800:I801"/>
    <mergeCell ref="B793:C793"/>
    <mergeCell ref="D793:E793"/>
    <mergeCell ref="F793:G793"/>
    <mergeCell ref="H793:I793"/>
    <mergeCell ref="A795:A796"/>
    <mergeCell ref="B795:I796"/>
    <mergeCell ref="B790:I790"/>
    <mergeCell ref="A791:A792"/>
    <mergeCell ref="B791:C792"/>
    <mergeCell ref="D791:E792"/>
    <mergeCell ref="F791:G792"/>
    <mergeCell ref="H791:I792"/>
    <mergeCell ref="B784:C784"/>
    <mergeCell ref="D784:E784"/>
    <mergeCell ref="F784:G784"/>
    <mergeCell ref="H784:I784"/>
    <mergeCell ref="A786:A787"/>
    <mergeCell ref="B786:I787"/>
    <mergeCell ref="B781:I781"/>
    <mergeCell ref="A782:A783"/>
    <mergeCell ref="B782:C783"/>
    <mergeCell ref="D782:E783"/>
    <mergeCell ref="F782:G783"/>
    <mergeCell ref="H782:I783"/>
    <mergeCell ref="B775:C775"/>
    <mergeCell ref="D775:E775"/>
    <mergeCell ref="F775:G775"/>
    <mergeCell ref="H775:I775"/>
    <mergeCell ref="A777:A778"/>
    <mergeCell ref="B777:I778"/>
    <mergeCell ref="A768:I769"/>
    <mergeCell ref="B772:I772"/>
    <mergeCell ref="A773:A774"/>
    <mergeCell ref="B773:C774"/>
    <mergeCell ref="D773:E774"/>
    <mergeCell ref="F773:G774"/>
    <mergeCell ref="H773:I774"/>
    <mergeCell ref="B761:C761"/>
    <mergeCell ref="D761:E761"/>
    <mergeCell ref="F761:G761"/>
    <mergeCell ref="H761:I761"/>
    <mergeCell ref="A763:A764"/>
    <mergeCell ref="B763:I764"/>
    <mergeCell ref="B758:I758"/>
    <mergeCell ref="A759:A760"/>
    <mergeCell ref="B759:C760"/>
    <mergeCell ref="D759:E760"/>
    <mergeCell ref="F759:G760"/>
    <mergeCell ref="H759:I760"/>
    <mergeCell ref="B752:C752"/>
    <mergeCell ref="D752:E752"/>
    <mergeCell ref="F752:G752"/>
    <mergeCell ref="H752:I752"/>
    <mergeCell ref="A754:A755"/>
    <mergeCell ref="B754:I755"/>
    <mergeCell ref="B749:I749"/>
    <mergeCell ref="A750:A751"/>
    <mergeCell ref="B750:C751"/>
    <mergeCell ref="D750:E751"/>
    <mergeCell ref="F750:G751"/>
    <mergeCell ref="H750:I751"/>
    <mergeCell ref="B743:C743"/>
    <mergeCell ref="D743:E743"/>
    <mergeCell ref="F743:G743"/>
    <mergeCell ref="H743:I743"/>
    <mergeCell ref="A745:A746"/>
    <mergeCell ref="B745:I746"/>
    <mergeCell ref="B740:I740"/>
    <mergeCell ref="A741:A742"/>
    <mergeCell ref="B741:C742"/>
    <mergeCell ref="D741:E742"/>
    <mergeCell ref="F741:G742"/>
    <mergeCell ref="H741:I742"/>
    <mergeCell ref="B734:C734"/>
    <mergeCell ref="D734:E734"/>
    <mergeCell ref="F734:G734"/>
    <mergeCell ref="H734:I734"/>
    <mergeCell ref="A736:A737"/>
    <mergeCell ref="B736:I737"/>
    <mergeCell ref="B731:I731"/>
    <mergeCell ref="A732:A733"/>
    <mergeCell ref="B732:C733"/>
    <mergeCell ref="D732:E733"/>
    <mergeCell ref="F732:G733"/>
    <mergeCell ref="H732:I733"/>
    <mergeCell ref="B725:C725"/>
    <mergeCell ref="D725:E725"/>
    <mergeCell ref="F725:G725"/>
    <mergeCell ref="H725:I725"/>
    <mergeCell ref="A727:A728"/>
    <mergeCell ref="B727:I728"/>
    <mergeCell ref="B722:I722"/>
    <mergeCell ref="A723:A724"/>
    <mergeCell ref="B723:C724"/>
    <mergeCell ref="D723:E724"/>
    <mergeCell ref="F723:G724"/>
    <mergeCell ref="H723:I724"/>
    <mergeCell ref="B716:C716"/>
    <mergeCell ref="D716:E716"/>
    <mergeCell ref="F716:G716"/>
    <mergeCell ref="H716:I716"/>
    <mergeCell ref="A718:A719"/>
    <mergeCell ref="B718:I719"/>
    <mergeCell ref="A709:I710"/>
    <mergeCell ref="B713:I713"/>
    <mergeCell ref="A714:A715"/>
    <mergeCell ref="B714:C715"/>
    <mergeCell ref="D714:E715"/>
    <mergeCell ref="F714:G715"/>
    <mergeCell ref="H714:I715"/>
    <mergeCell ref="B702:C702"/>
    <mergeCell ref="D702:E702"/>
    <mergeCell ref="F702:G702"/>
    <mergeCell ref="H702:I702"/>
    <mergeCell ref="A704:A705"/>
    <mergeCell ref="B704:I705"/>
    <mergeCell ref="B699:I699"/>
    <mergeCell ref="A700:A701"/>
    <mergeCell ref="B700:C701"/>
    <mergeCell ref="D700:E701"/>
    <mergeCell ref="F700:G701"/>
    <mergeCell ref="H700:I701"/>
    <mergeCell ref="B693:C693"/>
    <mergeCell ref="D693:E693"/>
    <mergeCell ref="F693:G693"/>
    <mergeCell ref="H693:I693"/>
    <mergeCell ref="A695:A696"/>
    <mergeCell ref="B695:I696"/>
    <mergeCell ref="B690:I690"/>
    <mergeCell ref="A691:A692"/>
    <mergeCell ref="B691:C692"/>
    <mergeCell ref="D691:E692"/>
    <mergeCell ref="F691:G692"/>
    <mergeCell ref="H691:I692"/>
    <mergeCell ref="B684:C684"/>
    <mergeCell ref="D684:E684"/>
    <mergeCell ref="F684:G684"/>
    <mergeCell ref="H684:I684"/>
    <mergeCell ref="A686:A687"/>
    <mergeCell ref="B686:I687"/>
    <mergeCell ref="B681:I681"/>
    <mergeCell ref="A682:A683"/>
    <mergeCell ref="B682:C683"/>
    <mergeCell ref="D682:E683"/>
    <mergeCell ref="F682:G683"/>
    <mergeCell ref="H682:I683"/>
    <mergeCell ref="B675:C675"/>
    <mergeCell ref="D675:E675"/>
    <mergeCell ref="F675:G675"/>
    <mergeCell ref="H675:I675"/>
    <mergeCell ref="A677:A678"/>
    <mergeCell ref="B677:I678"/>
    <mergeCell ref="B672:I672"/>
    <mergeCell ref="A673:A674"/>
    <mergeCell ref="B673:C674"/>
    <mergeCell ref="D673:E674"/>
    <mergeCell ref="F673:G674"/>
    <mergeCell ref="H673:I674"/>
    <mergeCell ref="B666:C666"/>
    <mergeCell ref="D666:E666"/>
    <mergeCell ref="F666:G666"/>
    <mergeCell ref="H666:I666"/>
    <mergeCell ref="A668:A669"/>
    <mergeCell ref="B668:I669"/>
    <mergeCell ref="B663:I663"/>
    <mergeCell ref="A664:A665"/>
    <mergeCell ref="B664:C665"/>
    <mergeCell ref="D664:E665"/>
    <mergeCell ref="F664:G665"/>
    <mergeCell ref="H664:I665"/>
    <mergeCell ref="B657:C657"/>
    <mergeCell ref="D657:E657"/>
    <mergeCell ref="F657:G657"/>
    <mergeCell ref="H657:I657"/>
    <mergeCell ref="A659:A660"/>
    <mergeCell ref="B659:I660"/>
    <mergeCell ref="A650:I651"/>
    <mergeCell ref="B654:I654"/>
    <mergeCell ref="A655:A656"/>
    <mergeCell ref="B655:C656"/>
    <mergeCell ref="D655:E656"/>
    <mergeCell ref="F655:G656"/>
    <mergeCell ref="H655:I656"/>
    <mergeCell ref="B643:C643"/>
    <mergeCell ref="D643:E643"/>
    <mergeCell ref="F643:G643"/>
    <mergeCell ref="H643:I643"/>
    <mergeCell ref="A645:A646"/>
    <mergeCell ref="B645:I646"/>
    <mergeCell ref="B640:I640"/>
    <mergeCell ref="A641:A642"/>
    <mergeCell ref="B641:C642"/>
    <mergeCell ref="D641:E642"/>
    <mergeCell ref="F641:G642"/>
    <mergeCell ref="H641:I642"/>
    <mergeCell ref="B634:C634"/>
    <mergeCell ref="D634:E634"/>
    <mergeCell ref="F634:G634"/>
    <mergeCell ref="H634:I634"/>
    <mergeCell ref="A636:A637"/>
    <mergeCell ref="B636:I637"/>
    <mergeCell ref="B631:I631"/>
    <mergeCell ref="A632:A633"/>
    <mergeCell ref="B632:C633"/>
    <mergeCell ref="D632:E633"/>
    <mergeCell ref="F632:G633"/>
    <mergeCell ref="H632:I633"/>
    <mergeCell ref="B625:C625"/>
    <mergeCell ref="D625:E625"/>
    <mergeCell ref="F625:G625"/>
    <mergeCell ref="H625:I625"/>
    <mergeCell ref="A627:A628"/>
    <mergeCell ref="B627:I628"/>
    <mergeCell ref="B622:I622"/>
    <mergeCell ref="A623:A624"/>
    <mergeCell ref="B623:C624"/>
    <mergeCell ref="D623:E624"/>
    <mergeCell ref="F623:G624"/>
    <mergeCell ref="H623:I624"/>
    <mergeCell ref="B616:C616"/>
    <mergeCell ref="D616:E616"/>
    <mergeCell ref="F616:G616"/>
    <mergeCell ref="H616:I616"/>
    <mergeCell ref="A618:A619"/>
    <mergeCell ref="B618:I619"/>
    <mergeCell ref="B613:I613"/>
    <mergeCell ref="A614:A615"/>
    <mergeCell ref="B614:C615"/>
    <mergeCell ref="D614:E615"/>
    <mergeCell ref="F614:G615"/>
    <mergeCell ref="H614:I615"/>
    <mergeCell ref="B607:C607"/>
    <mergeCell ref="D607:E607"/>
    <mergeCell ref="F607:G607"/>
    <mergeCell ref="H607:I607"/>
    <mergeCell ref="A609:A610"/>
    <mergeCell ref="B609:I610"/>
    <mergeCell ref="B604:I604"/>
    <mergeCell ref="A605:A606"/>
    <mergeCell ref="B605:C606"/>
    <mergeCell ref="D605:E606"/>
    <mergeCell ref="F605:G606"/>
    <mergeCell ref="H605:I606"/>
    <mergeCell ref="B598:C598"/>
    <mergeCell ref="D598:E598"/>
    <mergeCell ref="F598:G598"/>
    <mergeCell ref="H598:I598"/>
    <mergeCell ref="A600:A601"/>
    <mergeCell ref="B600:I601"/>
    <mergeCell ref="A591:I592"/>
    <mergeCell ref="B595:I595"/>
    <mergeCell ref="A596:A597"/>
    <mergeCell ref="B596:C597"/>
    <mergeCell ref="D596:E597"/>
    <mergeCell ref="F596:G597"/>
    <mergeCell ref="H596:I597"/>
    <mergeCell ref="B584:C584"/>
    <mergeCell ref="D584:E584"/>
    <mergeCell ref="F584:G584"/>
    <mergeCell ref="H584:I584"/>
    <mergeCell ref="A586:A587"/>
    <mergeCell ref="B586:I587"/>
    <mergeCell ref="B581:I581"/>
    <mergeCell ref="A582:A583"/>
    <mergeCell ref="B582:C583"/>
    <mergeCell ref="D582:E583"/>
    <mergeCell ref="F582:G583"/>
    <mergeCell ref="H582:I583"/>
    <mergeCell ref="B575:C575"/>
    <mergeCell ref="D575:E575"/>
    <mergeCell ref="F575:G575"/>
    <mergeCell ref="H575:I575"/>
    <mergeCell ref="A577:A578"/>
    <mergeCell ref="B577:I578"/>
    <mergeCell ref="B572:I572"/>
    <mergeCell ref="A573:A574"/>
    <mergeCell ref="B573:C574"/>
    <mergeCell ref="D573:E574"/>
    <mergeCell ref="F573:G574"/>
    <mergeCell ref="H573:I574"/>
    <mergeCell ref="B566:C566"/>
    <mergeCell ref="D566:E566"/>
    <mergeCell ref="F566:G566"/>
    <mergeCell ref="H566:I566"/>
    <mergeCell ref="A568:A569"/>
    <mergeCell ref="B568:I569"/>
    <mergeCell ref="B563:I563"/>
    <mergeCell ref="A564:A565"/>
    <mergeCell ref="B564:C565"/>
    <mergeCell ref="D564:E565"/>
    <mergeCell ref="F564:G565"/>
    <mergeCell ref="H564:I565"/>
    <mergeCell ref="B557:C557"/>
    <mergeCell ref="D557:E557"/>
    <mergeCell ref="F557:G557"/>
    <mergeCell ref="H557:I557"/>
    <mergeCell ref="A559:A560"/>
    <mergeCell ref="B559:I560"/>
    <mergeCell ref="B554:I554"/>
    <mergeCell ref="A555:A556"/>
    <mergeCell ref="B555:C556"/>
    <mergeCell ref="D555:E556"/>
    <mergeCell ref="F555:G556"/>
    <mergeCell ref="H555:I556"/>
    <mergeCell ref="B548:C548"/>
    <mergeCell ref="D548:E548"/>
    <mergeCell ref="F548:G548"/>
    <mergeCell ref="H548:I548"/>
    <mergeCell ref="A550:A551"/>
    <mergeCell ref="B550:I551"/>
    <mergeCell ref="B545:I545"/>
    <mergeCell ref="A546:A547"/>
    <mergeCell ref="B546:C547"/>
    <mergeCell ref="D546:E547"/>
    <mergeCell ref="F546:G547"/>
    <mergeCell ref="H546:I547"/>
    <mergeCell ref="B539:C539"/>
    <mergeCell ref="D539:E539"/>
    <mergeCell ref="F539:G539"/>
    <mergeCell ref="H539:I539"/>
    <mergeCell ref="A541:A542"/>
    <mergeCell ref="B541:I542"/>
    <mergeCell ref="A532:I533"/>
    <mergeCell ref="B536:I536"/>
    <mergeCell ref="A537:A538"/>
    <mergeCell ref="B537:C538"/>
    <mergeCell ref="D537:E538"/>
    <mergeCell ref="F537:G538"/>
    <mergeCell ref="H537:I538"/>
    <mergeCell ref="B525:C525"/>
    <mergeCell ref="D525:E525"/>
    <mergeCell ref="F525:G525"/>
    <mergeCell ref="H525:I525"/>
    <mergeCell ref="A527:A528"/>
    <mergeCell ref="B527:I528"/>
    <mergeCell ref="B522:I522"/>
    <mergeCell ref="A523:A524"/>
    <mergeCell ref="B523:C524"/>
    <mergeCell ref="D523:E524"/>
    <mergeCell ref="F523:G524"/>
    <mergeCell ref="H523:I524"/>
    <mergeCell ref="B516:C516"/>
    <mergeCell ref="D516:E516"/>
    <mergeCell ref="F516:G516"/>
    <mergeCell ref="H516:I516"/>
    <mergeCell ref="A518:A519"/>
    <mergeCell ref="B518:I519"/>
    <mergeCell ref="B513:I513"/>
    <mergeCell ref="A514:A515"/>
    <mergeCell ref="B514:C515"/>
    <mergeCell ref="D514:E515"/>
    <mergeCell ref="F514:G515"/>
    <mergeCell ref="H514:I515"/>
    <mergeCell ref="B507:C507"/>
    <mergeCell ref="D507:E507"/>
    <mergeCell ref="F507:G507"/>
    <mergeCell ref="H507:I507"/>
    <mergeCell ref="A509:A510"/>
    <mergeCell ref="B509:I510"/>
    <mergeCell ref="B504:I504"/>
    <mergeCell ref="A505:A506"/>
    <mergeCell ref="B505:C506"/>
    <mergeCell ref="D505:E506"/>
    <mergeCell ref="F505:G506"/>
    <mergeCell ref="H505:I506"/>
    <mergeCell ref="B498:C498"/>
    <mergeCell ref="D498:E498"/>
    <mergeCell ref="F498:G498"/>
    <mergeCell ref="H498:I498"/>
    <mergeCell ref="A500:A501"/>
    <mergeCell ref="B500:I501"/>
    <mergeCell ref="B495:I495"/>
    <mergeCell ref="A496:A497"/>
    <mergeCell ref="B496:C497"/>
    <mergeCell ref="D496:E497"/>
    <mergeCell ref="F496:G497"/>
    <mergeCell ref="H496:I497"/>
    <mergeCell ref="B489:C489"/>
    <mergeCell ref="D489:E489"/>
    <mergeCell ref="F489:G489"/>
    <mergeCell ref="H489:I489"/>
    <mergeCell ref="A491:A492"/>
    <mergeCell ref="B491:I492"/>
    <mergeCell ref="B486:I486"/>
    <mergeCell ref="A487:A488"/>
    <mergeCell ref="B487:C488"/>
    <mergeCell ref="D487:E488"/>
    <mergeCell ref="F487:G488"/>
    <mergeCell ref="H487:I488"/>
    <mergeCell ref="B480:C480"/>
    <mergeCell ref="D480:E480"/>
    <mergeCell ref="F480:G480"/>
    <mergeCell ref="H480:I480"/>
    <mergeCell ref="A482:A483"/>
    <mergeCell ref="B482:I483"/>
    <mergeCell ref="A473:I474"/>
    <mergeCell ref="B477:I477"/>
    <mergeCell ref="A478:A479"/>
    <mergeCell ref="B478:C479"/>
    <mergeCell ref="D478:E479"/>
    <mergeCell ref="F478:G479"/>
    <mergeCell ref="H478:I479"/>
    <mergeCell ref="B466:C466"/>
    <mergeCell ref="D466:E466"/>
    <mergeCell ref="F466:G466"/>
    <mergeCell ref="H466:I466"/>
    <mergeCell ref="A468:A469"/>
    <mergeCell ref="B468:I469"/>
    <mergeCell ref="B463:I463"/>
    <mergeCell ref="A464:A465"/>
    <mergeCell ref="B464:C465"/>
    <mergeCell ref="D464:E465"/>
    <mergeCell ref="F464:G465"/>
    <mergeCell ref="H464:I465"/>
    <mergeCell ref="B457:C457"/>
    <mergeCell ref="D457:E457"/>
    <mergeCell ref="F457:G457"/>
    <mergeCell ref="H457:I457"/>
    <mergeCell ref="A459:A460"/>
    <mergeCell ref="B459:I460"/>
    <mergeCell ref="B454:I454"/>
    <mergeCell ref="A455:A456"/>
    <mergeCell ref="B455:C456"/>
    <mergeCell ref="D455:E456"/>
    <mergeCell ref="F455:G456"/>
    <mergeCell ref="H455:I456"/>
    <mergeCell ref="B448:C448"/>
    <mergeCell ref="D448:E448"/>
    <mergeCell ref="F448:G448"/>
    <mergeCell ref="H448:I448"/>
    <mergeCell ref="A450:A451"/>
    <mergeCell ref="B450:I451"/>
    <mergeCell ref="B445:I445"/>
    <mergeCell ref="A446:A447"/>
    <mergeCell ref="B446:C447"/>
    <mergeCell ref="D446:E447"/>
    <mergeCell ref="F446:G447"/>
    <mergeCell ref="H446:I447"/>
    <mergeCell ref="B439:C439"/>
    <mergeCell ref="D439:E439"/>
    <mergeCell ref="F439:G439"/>
    <mergeCell ref="H439:I439"/>
    <mergeCell ref="A441:A442"/>
    <mergeCell ref="B441:I442"/>
    <mergeCell ref="B436:I436"/>
    <mergeCell ref="A437:A438"/>
    <mergeCell ref="B437:C438"/>
    <mergeCell ref="D437:E438"/>
    <mergeCell ref="F437:G438"/>
    <mergeCell ref="H437:I438"/>
    <mergeCell ref="B430:C430"/>
    <mergeCell ref="D430:E430"/>
    <mergeCell ref="F430:G430"/>
    <mergeCell ref="H430:I430"/>
    <mergeCell ref="A432:A433"/>
    <mergeCell ref="B432:I433"/>
    <mergeCell ref="B427:I427"/>
    <mergeCell ref="A428:A429"/>
    <mergeCell ref="B428:C429"/>
    <mergeCell ref="D428:E429"/>
    <mergeCell ref="F428:G429"/>
    <mergeCell ref="H428:I429"/>
    <mergeCell ref="B421:C421"/>
    <mergeCell ref="D421:E421"/>
    <mergeCell ref="F421:G421"/>
    <mergeCell ref="H421:I421"/>
    <mergeCell ref="A423:A424"/>
    <mergeCell ref="B423:I424"/>
    <mergeCell ref="A414:I415"/>
    <mergeCell ref="B418:I418"/>
    <mergeCell ref="A419:A420"/>
    <mergeCell ref="B419:C420"/>
    <mergeCell ref="D419:E420"/>
    <mergeCell ref="F419:G420"/>
    <mergeCell ref="H419:I420"/>
    <mergeCell ref="B407:C407"/>
    <mergeCell ref="D407:E407"/>
    <mergeCell ref="F407:G407"/>
    <mergeCell ref="H407:I407"/>
    <mergeCell ref="A409:A410"/>
    <mergeCell ref="B409:I410"/>
    <mergeCell ref="B404:I404"/>
    <mergeCell ref="A405:A406"/>
    <mergeCell ref="B405:C406"/>
    <mergeCell ref="D405:E406"/>
    <mergeCell ref="F405:G406"/>
    <mergeCell ref="H405:I406"/>
    <mergeCell ref="B398:C398"/>
    <mergeCell ref="D398:E398"/>
    <mergeCell ref="F398:G398"/>
    <mergeCell ref="H398:I398"/>
    <mergeCell ref="A400:A401"/>
    <mergeCell ref="B400:I401"/>
    <mergeCell ref="B395:I395"/>
    <mergeCell ref="A396:A397"/>
    <mergeCell ref="B396:C397"/>
    <mergeCell ref="D396:E397"/>
    <mergeCell ref="F396:G397"/>
    <mergeCell ref="H396:I397"/>
    <mergeCell ref="B389:C389"/>
    <mergeCell ref="D389:E389"/>
    <mergeCell ref="F389:G389"/>
    <mergeCell ref="H389:I389"/>
    <mergeCell ref="A391:A392"/>
    <mergeCell ref="B391:I392"/>
    <mergeCell ref="B386:I386"/>
    <mergeCell ref="A387:A388"/>
    <mergeCell ref="B387:C388"/>
    <mergeCell ref="D387:E388"/>
    <mergeCell ref="F387:G388"/>
    <mergeCell ref="H387:I388"/>
    <mergeCell ref="B380:C380"/>
    <mergeCell ref="D380:E380"/>
    <mergeCell ref="F380:G380"/>
    <mergeCell ref="H380:I380"/>
    <mergeCell ref="A382:A383"/>
    <mergeCell ref="B382:I383"/>
    <mergeCell ref="B377:I377"/>
    <mergeCell ref="A378:A379"/>
    <mergeCell ref="B378:C379"/>
    <mergeCell ref="D378:E379"/>
    <mergeCell ref="F378:G379"/>
    <mergeCell ref="H378:I379"/>
    <mergeCell ref="B371:C371"/>
    <mergeCell ref="D371:E371"/>
    <mergeCell ref="F371:G371"/>
    <mergeCell ref="H371:I371"/>
    <mergeCell ref="A373:A374"/>
    <mergeCell ref="B373:I374"/>
    <mergeCell ref="B368:I368"/>
    <mergeCell ref="A369:A370"/>
    <mergeCell ref="B369:C370"/>
    <mergeCell ref="D369:E370"/>
    <mergeCell ref="F369:G370"/>
    <mergeCell ref="H369:I370"/>
    <mergeCell ref="B362:C362"/>
    <mergeCell ref="D362:E362"/>
    <mergeCell ref="F362:G362"/>
    <mergeCell ref="H362:I362"/>
    <mergeCell ref="A364:A365"/>
    <mergeCell ref="B364:I365"/>
    <mergeCell ref="A355:I356"/>
    <mergeCell ref="B359:I359"/>
    <mergeCell ref="A360:A361"/>
    <mergeCell ref="B360:C361"/>
    <mergeCell ref="D360:E361"/>
    <mergeCell ref="F360:G361"/>
    <mergeCell ref="H360:I361"/>
    <mergeCell ref="B349:C349"/>
    <mergeCell ref="D349:E349"/>
    <mergeCell ref="F349:G349"/>
    <mergeCell ref="H349:I349"/>
    <mergeCell ref="A351:A352"/>
    <mergeCell ref="B351:I352"/>
    <mergeCell ref="B346:I346"/>
    <mergeCell ref="A347:A348"/>
    <mergeCell ref="B347:C348"/>
    <mergeCell ref="D347:E348"/>
    <mergeCell ref="F347:G348"/>
    <mergeCell ref="H347:I348"/>
    <mergeCell ref="B340:C340"/>
    <mergeCell ref="D340:E340"/>
    <mergeCell ref="F340:G340"/>
    <mergeCell ref="H340:I340"/>
    <mergeCell ref="A342:A343"/>
    <mergeCell ref="B342:I343"/>
    <mergeCell ref="B337:I337"/>
    <mergeCell ref="A338:A339"/>
    <mergeCell ref="B338:C339"/>
    <mergeCell ref="D338:E339"/>
    <mergeCell ref="F338:G339"/>
    <mergeCell ref="H338:I339"/>
    <mergeCell ref="B330:C330"/>
    <mergeCell ref="D330:E330"/>
    <mergeCell ref="F330:G330"/>
    <mergeCell ref="H330:I330"/>
    <mergeCell ref="A333:A334"/>
    <mergeCell ref="B333:I334"/>
    <mergeCell ref="B327:I327"/>
    <mergeCell ref="A328:A329"/>
    <mergeCell ref="B328:C329"/>
    <mergeCell ref="D328:E329"/>
    <mergeCell ref="F328:G329"/>
    <mergeCell ref="H328:I329"/>
    <mergeCell ref="A331:A332"/>
    <mergeCell ref="B321:C321"/>
    <mergeCell ref="D321:E321"/>
    <mergeCell ref="F321:G321"/>
    <mergeCell ref="H321:I321"/>
    <mergeCell ref="A323:A324"/>
    <mergeCell ref="B323:I324"/>
    <mergeCell ref="B318:I318"/>
    <mergeCell ref="A319:A320"/>
    <mergeCell ref="B319:C320"/>
    <mergeCell ref="D319:E320"/>
    <mergeCell ref="F319:G320"/>
    <mergeCell ref="H319:I320"/>
    <mergeCell ref="B312:C312"/>
    <mergeCell ref="D312:E312"/>
    <mergeCell ref="F312:G312"/>
    <mergeCell ref="H312:I312"/>
    <mergeCell ref="A314:A315"/>
    <mergeCell ref="B314:I315"/>
    <mergeCell ref="B283:C283"/>
    <mergeCell ref="D283:E283"/>
    <mergeCell ref="F283:G283"/>
    <mergeCell ref="H283:I283"/>
    <mergeCell ref="A285:A286"/>
    <mergeCell ref="B285:I285"/>
    <mergeCell ref="B286:I286"/>
    <mergeCell ref="B309:I309"/>
    <mergeCell ref="A310:A311"/>
    <mergeCell ref="B310:C311"/>
    <mergeCell ref="D310:E311"/>
    <mergeCell ref="F310:G311"/>
    <mergeCell ref="H310:I311"/>
    <mergeCell ref="B303:C303"/>
    <mergeCell ref="D303:E303"/>
    <mergeCell ref="F303:G303"/>
    <mergeCell ref="H303:I303"/>
    <mergeCell ref="A305:A306"/>
    <mergeCell ref="B305:I306"/>
    <mergeCell ref="A296:I297"/>
    <mergeCell ref="B300:I300"/>
    <mergeCell ref="A301:A302"/>
    <mergeCell ref="B301:C302"/>
    <mergeCell ref="D301:E302"/>
    <mergeCell ref="F301:G302"/>
    <mergeCell ref="H301:I302"/>
    <mergeCell ref="B280:I280"/>
    <mergeCell ref="A281:A282"/>
    <mergeCell ref="B281:C282"/>
    <mergeCell ref="D281:E282"/>
    <mergeCell ref="F281:G282"/>
    <mergeCell ref="H281:I282"/>
    <mergeCell ref="B274:C274"/>
    <mergeCell ref="D274:E274"/>
    <mergeCell ref="F274:G274"/>
    <mergeCell ref="H274:I274"/>
    <mergeCell ref="A276:A277"/>
    <mergeCell ref="B271:I271"/>
    <mergeCell ref="A272:A273"/>
    <mergeCell ref="B272:C273"/>
    <mergeCell ref="D272:E273"/>
    <mergeCell ref="F272:G273"/>
    <mergeCell ref="H272:I273"/>
    <mergeCell ref="B276:I277"/>
    <mergeCell ref="B265:C265"/>
    <mergeCell ref="D265:E265"/>
    <mergeCell ref="F265:G265"/>
    <mergeCell ref="H265:I265"/>
    <mergeCell ref="A267:A268"/>
    <mergeCell ref="B262:I262"/>
    <mergeCell ref="A263:A264"/>
    <mergeCell ref="B263:C264"/>
    <mergeCell ref="D263:E264"/>
    <mergeCell ref="F263:G264"/>
    <mergeCell ref="H263:I264"/>
    <mergeCell ref="B256:C256"/>
    <mergeCell ref="D256:E256"/>
    <mergeCell ref="F256:G256"/>
    <mergeCell ref="H256:I256"/>
    <mergeCell ref="A258:A259"/>
    <mergeCell ref="B267:I268"/>
    <mergeCell ref="B266:I266"/>
    <mergeCell ref="B258:I259"/>
    <mergeCell ref="B253:I253"/>
    <mergeCell ref="A254:A255"/>
    <mergeCell ref="B254:C255"/>
    <mergeCell ref="D254:E255"/>
    <mergeCell ref="F254:G255"/>
    <mergeCell ref="H254:I255"/>
    <mergeCell ref="B246:C246"/>
    <mergeCell ref="D246:E246"/>
    <mergeCell ref="F246:G246"/>
    <mergeCell ref="H246:I246"/>
    <mergeCell ref="A249:A250"/>
    <mergeCell ref="A237:I238"/>
    <mergeCell ref="A244:A245"/>
    <mergeCell ref="B244:C245"/>
    <mergeCell ref="D244:E245"/>
    <mergeCell ref="F244:G245"/>
    <mergeCell ref="H244:I245"/>
    <mergeCell ref="B249:I250"/>
    <mergeCell ref="B241:I243"/>
    <mergeCell ref="A241:A243"/>
    <mergeCell ref="A247:A248"/>
    <mergeCell ref="B230:C230"/>
    <mergeCell ref="D230:E230"/>
    <mergeCell ref="F230:G230"/>
    <mergeCell ref="H230:I230"/>
    <mergeCell ref="A232:A233"/>
    <mergeCell ref="B232:I233"/>
    <mergeCell ref="B227:I227"/>
    <mergeCell ref="A228:A229"/>
    <mergeCell ref="B228:C229"/>
    <mergeCell ref="D228:E229"/>
    <mergeCell ref="F228:G229"/>
    <mergeCell ref="H228:I229"/>
    <mergeCell ref="B221:C221"/>
    <mergeCell ref="D221:E221"/>
    <mergeCell ref="F221:G221"/>
    <mergeCell ref="H221:I221"/>
    <mergeCell ref="A223:A224"/>
    <mergeCell ref="B223:I224"/>
    <mergeCell ref="B218:I218"/>
    <mergeCell ref="A219:A220"/>
    <mergeCell ref="B219:C220"/>
    <mergeCell ref="D219:E220"/>
    <mergeCell ref="F219:G220"/>
    <mergeCell ref="H219:I220"/>
    <mergeCell ref="B212:C212"/>
    <mergeCell ref="D212:E212"/>
    <mergeCell ref="F212:G212"/>
    <mergeCell ref="H212:I212"/>
    <mergeCell ref="A214:A215"/>
    <mergeCell ref="B214:I215"/>
    <mergeCell ref="B209:I209"/>
    <mergeCell ref="A210:A211"/>
    <mergeCell ref="B210:C211"/>
    <mergeCell ref="D210:E211"/>
    <mergeCell ref="F210:G211"/>
    <mergeCell ref="H210:I211"/>
    <mergeCell ref="B203:C203"/>
    <mergeCell ref="D203:E203"/>
    <mergeCell ref="F203:G203"/>
    <mergeCell ref="H203:I203"/>
    <mergeCell ref="A205:A206"/>
    <mergeCell ref="B205:I206"/>
    <mergeCell ref="B200:I200"/>
    <mergeCell ref="A201:A202"/>
    <mergeCell ref="B201:C202"/>
    <mergeCell ref="D201:E202"/>
    <mergeCell ref="F201:G202"/>
    <mergeCell ref="H201:I202"/>
    <mergeCell ref="B194:C194"/>
    <mergeCell ref="D194:E194"/>
    <mergeCell ref="F194:G194"/>
    <mergeCell ref="H194:I194"/>
    <mergeCell ref="A196:A197"/>
    <mergeCell ref="B196:I197"/>
    <mergeCell ref="B191:I191"/>
    <mergeCell ref="A192:A193"/>
    <mergeCell ref="B192:C193"/>
    <mergeCell ref="D192:E193"/>
    <mergeCell ref="F192:G193"/>
    <mergeCell ref="H192:I193"/>
    <mergeCell ref="B185:C185"/>
    <mergeCell ref="D185:E185"/>
    <mergeCell ref="F185:G185"/>
    <mergeCell ref="H185:I185"/>
    <mergeCell ref="B186:I186"/>
    <mergeCell ref="A187:A188"/>
    <mergeCell ref="B187:I188"/>
    <mergeCell ref="A178:I179"/>
    <mergeCell ref="A180:I181"/>
    <mergeCell ref="B182:I182"/>
    <mergeCell ref="A183:A184"/>
    <mergeCell ref="B183:C184"/>
    <mergeCell ref="D183:E184"/>
    <mergeCell ref="F183:G184"/>
    <mergeCell ref="H183:I184"/>
    <mergeCell ref="B171:C171"/>
    <mergeCell ref="D171:E171"/>
    <mergeCell ref="F171:G171"/>
    <mergeCell ref="H171:I171"/>
    <mergeCell ref="A173:A174"/>
    <mergeCell ref="B173:I174"/>
    <mergeCell ref="B168:I168"/>
    <mergeCell ref="A169:A170"/>
    <mergeCell ref="B169:C170"/>
    <mergeCell ref="D169:E170"/>
    <mergeCell ref="F169:G170"/>
    <mergeCell ref="H169:I170"/>
    <mergeCell ref="B162:C162"/>
    <mergeCell ref="D162:E162"/>
    <mergeCell ref="F162:G162"/>
    <mergeCell ref="H162:I162"/>
    <mergeCell ref="A164:A165"/>
    <mergeCell ref="B164:I165"/>
    <mergeCell ref="B159:I159"/>
    <mergeCell ref="A160:A161"/>
    <mergeCell ref="B160:C161"/>
    <mergeCell ref="D160:E161"/>
    <mergeCell ref="F160:G161"/>
    <mergeCell ref="H160:I161"/>
    <mergeCell ref="B153:C153"/>
    <mergeCell ref="D153:E153"/>
    <mergeCell ref="F153:G153"/>
    <mergeCell ref="H153:I153"/>
    <mergeCell ref="A155:A156"/>
    <mergeCell ref="B155:I156"/>
    <mergeCell ref="B150:I150"/>
    <mergeCell ref="A151:A152"/>
    <mergeCell ref="B151:C152"/>
    <mergeCell ref="D151:E152"/>
    <mergeCell ref="F151:G152"/>
    <mergeCell ref="H151:I152"/>
    <mergeCell ref="B144:C144"/>
    <mergeCell ref="D144:E144"/>
    <mergeCell ref="F144:G144"/>
    <mergeCell ref="H144:I144"/>
    <mergeCell ref="A146:A147"/>
    <mergeCell ref="B146:I147"/>
    <mergeCell ref="B141:I141"/>
    <mergeCell ref="A142:A143"/>
    <mergeCell ref="B142:C143"/>
    <mergeCell ref="D142:E143"/>
    <mergeCell ref="F142:G143"/>
    <mergeCell ref="H142:I143"/>
    <mergeCell ref="B135:C135"/>
    <mergeCell ref="D135:E135"/>
    <mergeCell ref="F135:G135"/>
    <mergeCell ref="H135:I135"/>
    <mergeCell ref="A137:A138"/>
    <mergeCell ref="B137:I138"/>
    <mergeCell ref="B97:C97"/>
    <mergeCell ref="D97:H97"/>
    <mergeCell ref="B98:C103"/>
    <mergeCell ref="B104:C105"/>
    <mergeCell ref="B106:C107"/>
    <mergeCell ref="B108:C109"/>
    <mergeCell ref="B132:I132"/>
    <mergeCell ref="A133:A134"/>
    <mergeCell ref="B133:C134"/>
    <mergeCell ref="D133:E134"/>
    <mergeCell ref="F133:G134"/>
    <mergeCell ref="H133:I134"/>
    <mergeCell ref="B126:C126"/>
    <mergeCell ref="D126:E126"/>
    <mergeCell ref="F126:G126"/>
    <mergeCell ref="H126:I126"/>
    <mergeCell ref="A128:A129"/>
    <mergeCell ref="B128:I129"/>
    <mergeCell ref="B110:C111"/>
    <mergeCell ref="B112:C113"/>
    <mergeCell ref="A119:I120"/>
    <mergeCell ref="B123:I123"/>
    <mergeCell ref="A124:A125"/>
    <mergeCell ref="B124:C125"/>
    <mergeCell ref="D124:E125"/>
    <mergeCell ref="F124:G125"/>
    <mergeCell ref="H124:I125"/>
  </mergeCells>
  <phoneticPr fontId="1"/>
  <conditionalFormatting sqref="B104 B106 B108 B110 B112 D111 B95 B97:B98 B182:I182 H183:I184 B473:I476 B983:I984 B992:I993 B1001:I1010 B974:I975 B688:I692 B806:I807 B815:I819 B629:I633 B520:I524 C78:I78 B1:I61 I64:I66 B82:C82 B85:C91 D83:E89 D92:E92 F82:G87 F90:G92 B62:H63 C64:H65 B187:I193 D185 F185 H185 D194 F194 H194 B196:I202 D203 F203 H203 B205:I211 D212 F212 H212 B214:I220 D221 F221 H221 B223:I229 D230 F230 H230 B232:I240 B251:I252 B260:I261 B278:I279 B287:I295 D371 F371 H371 B373:I376 B384:I385 D362 F362 H362 B402:I403 B411:I413 D525 F525 H525 B527:I538 D539 F539 H539 B541:I547 D548 F548 H548 B550:I556 D557 F557 H557 B559:I565 D566 F566 H566 B568:I574 D575 F575 H575 B577:I583 D584 F584 H584 B586:I594 D634 F634 H634 B636:I642 D643 F643 H643 B645:I653 B661:I662 B670:I674 D675 F675 H675 B677:I680 D693 F693 H693 B695:I698 B706:I715 D716 F716 H716 B718:I724 D725 F725 H725 B727:I733 D734 F734 H734 B736:I742 D743 F743 H743 B745:I751 D752 F752 H752 B754:I760 D761 F761 H761 B763:I774 D775 F775 H775 B777:I783 D784 F784 H784 B786:I792 D793 F793 H793 B795:I798 D820 F820 H820 B822:I833 D834 F834 H834 B836:I842 D843 F843 H843 B845:I851 D852 F852 H852 B854:I860 D861 F861 H861 B863:I869 D870 F870 H870 B872:I878 D879 F879 H879 B881:I892 D893 F893 H893 B895:I901 D902 F902 H902 B904:I910 D911 F911 H911 B913:I919 D920 F920 H920 B922:I928 D929 F929 H929 B931:I937 D938 F938 H938 B940:I951 D952 F952 H952 B954:I960 D961 F961 H961 B963:I966 D1011 F1011 H1011 B1013:I1019 D1020 F1020 H1020 B1022:I1028 D1029 F1029 H1029 B1031:I1035 D1038 F1038 H1038 B1040:I1046 D1047 F1047 H1047 B1049:I1055 D1056 F1056 H1056 B1058:I1069 D1070 F1070 H1070 B1072:I1078 D1079 F1079 H1079 B1081:I1087 D1088 F1088 H1088 B1090:I1096 D1097 F1097 H1097 B1099:I1105 D1106 F1106 H1106 B1108:I1114 D1115 F1115 H1115 B1117:I1128 D1129 F1129 H1129 B1131:I1137 D1138 F1138 H1138 B1140:I1146 D1147 F1147 H1147 B1149:I1155 D1156 F1156 H1156 B1158:I1164 D1165 F1165 H1165 B1167:I1173 D1174 F1174 H1174 B1176:I1187 D1188 F1188 H1188 B1190:I1196 D1197 F1197 H1197 B1199:I1205 D1206 F1206 H1206 B1208:I1214 D1215 F1215 H1215 B1217:I1223 D1224 F1224 H1224 B1226:I1232 D1233 F1233 H1233 B1235:I1246 D1247 F1247 H1247 B1249:I1255 D1256 F1256 H1256 B1258:I1264 D1265 F1265 H1265 B1267:I1273 D1274 F1274 H1274 B1276:I1282 D1283 F1283 H1283 B1285:I1291 D1292 F1292 H1292 B1294:I1305 D1306 F1306 H1306 B1308:I1314 D1315 F1315 H1315 B1317:I1323 D1324 F1324 H1324 B1326:I1332 D1333 F1333 H1333 B1335:I1341 D1342 F1342 H1342 B1344:I1350 D1351 F1351 H1351 B1353:I1364 D1365 F1365 H1365 D1374 F1374 H1374 B1376:I1382 D1383 F1383 H1383 B1385:I1391 D1392 F1392 H1392 B1394:I1400 D1401 F1401 H1401 B1403:I1409 D1410 F1410 H1410 B1412:I1423 D1424 F1424 H1424 B1426:I1432 D1433 F1433 H1433 B1435:I1441 D1442 F1442 H1442 B1444:I1450 D1451 F1451 H1451 B1453:I1459 D1460 F1460 H1460 B1462:I1468 D1469 F1469 H1469 B1471:I1482 D1483 F1483 H1483 B1485:I1488 B1496:I1500 D1501 F1501 H1501 B1503:I1509 D1510 F1510 H1510 B1512:I1515 B1523:I1524 B1532:I1541 D1542 F1542 H1542 B1544:I1550 D1551 F1551 H1551 B1553:I1559 D1560 F1560 H1560 B1562:I1568 D1569 F1569 H1569 B1571:I1577 D1578 F1578 H1578 B1580:I1586 D1587 F1587 H1587 B1589:I1600 D1601 F1601 H1601 B1603:I1609 D1610 F1610 H1610 B1612:I1618 D1619 F1619 H1619 B1621:I1627 D1628 F1628 H1628 B1630:I1636 D1637 F1637 H1637 B1639:I1645 D1646 F1646 H1646 B1648:I1656 D1669 F1669 H1669 D1678 F1678 H1678 B1680:I1686 D1687 F1687 H1687 B1689:I1695 D1696 F1696 H1696 B1698:I1704 D1705 F1705 H1705 H1728 D1719 F1719 H1719 D1737 F1737 H1737 B1739:I1745 D1746 F1746 H1746 B1748:I1754 D1755 F1755 H1755 B1757:I1763 D1764 F1764 H1764 B1766:I1775 F1778 H1778 B1780:I1786 D1787 F1787 H1787 B1789:I1795 D1796 F1796 H1796 B1798:I1804 D1805 F1805 H1805 B1807:I1813 D1814 F1814 H1814 B1816:I1822 D1823 F1823 H1823 B1825:I1836 D1837 F1837 H1837 B1839:I1845 D1846 F1846 H1846 B1848:I1854 D1855 F1855 H1855 B1857:I1863 D1864 F1864 H1864 B1866:I1872 D1873 F1873 H1873 B1875:I1881 D1882 F1882 H1882 B1884:I1895 D1896 F1896 H1896 B1898:I1904 D1905 F1905 H1905 B1907:I1913 D1914 F1914 H1914 B1916:I1922 D1923 F1923 H1923 B1925:I1931 D1932 F1932 H1932 B1934:I1940 D1941 F1941 H1941 B1943:I1954 D1955 F1955 H1955 B1957:I1963 D1964 F1964 H1964 B1966:I1972 D1973 F1973 H1973 B1975:I1981 D1982 F1982 H1982 B1984:I1990 D1991 F1991 H1991 B1993:I1999 D2000 F2000 H2000 B2002:I2013 D2014 F2014 H2014 B2016:I2022 D2023 F2023 H2023 B2025:I2031 D2032 F2032 H2032 B2034:I2040 D2041 F2041 H2041 B2043:I2049 D2050 F2050 H2050 B2052:I2058 D2059 F2059 H2059 B2061:I2072 D2073 F2073 H2073 B2075:I2081 D2082 F2082 H2082 B2084:I2090 D2091 F2091 H2091 B2093:I2096 B2104:I2108 D2109 F2109 H2109 B2111:I2117 D2118 F2118 H2118 B2120:I2131 D2132 F2132 H2132 B2134:I2140 D2141 F2141 H2141 B2143:I2149 D2150 F2150 H2150 B2152:I2158 D2159 F2159 H2159 B2161:I2167 D2168 F2168 H2168 B2170:I2176 D2177 F2177 H2177 B2179:I1048576 B185:B186 B194:B195 B203:B204 B212:B213 B221:B222 B230:B231 B371:B372 B362:B363 B525:B526 B539:B540 B548:B549 B557:B558 B566:B567 B575:B576 B584:B585 B634:B635 B643:B644 B675:B676 B693:B694 B716:B717 B725:B726 B734:B735 B743:B744 B752:B753 B761:B762 B775:B776 B784:B785 B793:B794 B820:B821 B834:B835 B843:B844 B852:B853 B861:B862 B870:B871 B879:B880 B893:B894 B902:B903 B911:B912 B920:B921 B929:B930 B938:B939 B952:B953 B961:B962 B1011:B1012 B1020:B1021 B1029:B1030 B1039 B1047:B1048 B1056:B1057 B1070:B1071 B1079:B1080 B1088:B1089 B1097:B1098 B1106:B1107 B1115:B1116 B1129:B1130 B1138:B1139 B1147:B1148 B1156:B1157 B1165:B1166 B1174:B1175 B1188:B1189 B1197:B1198 B1206:B1207 B1215:B1216 B1224:B1225 B1233:B1234 B1247:B1248 B1256:B1257 B1265:B1266 B1274:B1275 B1283:B1284 B1292:B1293 B1306:B1307 B1315:B1316 B1324:B1325 B1333:B1334 B1342:B1343 B1351:B1352 B1365:B1366 B1374:B1375 B1383:B1384 B1392:B1393 B1401:B1402 B1410:B1411 B1424:B1425 B1433:B1434 B1442:B1443 B1451:B1452 B1460:B1461 B1469:B1470 B1483:B1484 B1501:B1502 B1510:B1511 B1542:B1543 B1551:B1552 B1560:B1561 B1569:B1570 B1578:B1579 B1587:B1588 B1601:B1602 B1610:B1611 B1619:B1620 B1628:B1629 B1637:B1638 B1646:B1647 B1669:B1670 B1678:B1679 B1687:B1688 B1696:B1697 B1705:B1706 B1728:B1729 B1719:B1720 B1737:B1738 B1746:B1747 B1755:B1756 B1764:B1765 B1779 B1787:B1788 B1796:B1797 B1805:B1806 B1814:B1815 B1823:B1824 B1837:B1838 B1846:B1847 B1855:B1856 B1864:B1865 B1873:B1874 B1882:B1883 B1896:B1897 B1905:B1906 B1914:B1915 B1923:B1924 B1932:B1933 B1941:B1942 B1955:B1956 B1964:B1965 B1973:B1974 B1982:B1983 B1991:B1992 B2000:B2001 B2014:B2015 B2023:B2024 B2032:B2033 B2041:B2042 B2050:B2051 B2059:B2060 B2073:B2074 B2082:B2083 B2091:B2092 B2109:B2110 B2118:B2119 B2132:B2133 B2141:B2142 B2150:B2151 B2159:B2160 B2168:B2169 B2177:B2178 B117:I118 B178:I179 B355:I361 B393:I394 B364:I370 B1666:I1668 B1671:I1677 B1707:I1718 B1730:I1736 B1721:I1725 B73:I77 I79:I81 B79:H80 I88:I91 H87:H90 I113:I114 D112:H113 I99:I111 D98:H110 I95 B94:H94 B269:I270 D1036:I1037 B1367:I1373 B1726:C1727 F1726:I1727 B1776 F1776:I1777">
    <cfRule type="endsWith" dxfId="370" priority="400" operator="endsWith" text="教育">
      <formula>RIGHT(B1,LEN("教育"))="教育"</formula>
    </cfRule>
    <cfRule type="endsWith" dxfId="369" priority="401" operator="endsWith" text="保健">
      <formula>RIGHT(B1,LEN("保健"))="保健"</formula>
    </cfRule>
    <cfRule type="endsWith" dxfId="368" priority="402" operator="endsWith" text="その他">
      <formula>RIGHT(B1,LEN("その他"))="その他"</formula>
    </cfRule>
    <cfRule type="endsWith" dxfId="367" priority="403" operator="endsWith" text="保育">
      <formula>RIGHT(B1,LEN("保育"))="保育"</formula>
    </cfRule>
    <cfRule type="endsWith" dxfId="366" priority="404" operator="endsWith" text="相談">
      <formula>RIGHT(B1,LEN("相談"))="相談"</formula>
    </cfRule>
    <cfRule type="endsWith" dxfId="365" priority="405" operator="endsWith" text="給付金">
      <formula>RIGHT(B1,LEN("給付金"))="給付金"</formula>
    </cfRule>
    <cfRule type="endsWith" dxfId="364" priority="406" operator="endsWith" text="障害福祉">
      <formula>RIGHT(B1,LEN("障害福祉"))="障害福祉"</formula>
    </cfRule>
  </conditionalFormatting>
  <conditionalFormatting sqref="B414:I417 B434:I438 D439 F439 H439 B441:I447 D448 F448 H448 B450:I456 D457 F457 H457 B459:I465 D466 F466 H466 B468:I472 B439:B440 B448:B449 B457:B458 B466:B467">
    <cfRule type="endsWith" dxfId="363" priority="393" operator="endsWith" text="教育">
      <formula>RIGHT(B414,LEN("教育"))="教育"</formula>
    </cfRule>
    <cfRule type="endsWith" dxfId="362" priority="394" operator="endsWith" text="保健">
      <formula>RIGHT(B414,LEN("保健"))="保健"</formula>
    </cfRule>
    <cfRule type="endsWith" dxfId="361" priority="395" operator="endsWith" text="その他">
      <formula>RIGHT(B414,LEN("その他"))="その他"</formula>
    </cfRule>
    <cfRule type="endsWith" dxfId="360" priority="396" operator="endsWith" text="保育">
      <formula>RIGHT(B414,LEN("保育"))="保育"</formula>
    </cfRule>
    <cfRule type="endsWith" dxfId="359" priority="397" operator="endsWith" text="相談">
      <formula>RIGHT(B414,LEN("相談"))="相談"</formula>
    </cfRule>
    <cfRule type="endsWith" dxfId="358" priority="398" operator="endsWith" text="給付金">
      <formula>RIGHT(B414,LEN("給付金"))="給付金"</formula>
    </cfRule>
    <cfRule type="endsWith" dxfId="357" priority="399" operator="endsWith" text="障害福祉">
      <formula>RIGHT(B414,LEN("障害福祉"))="障害福祉"</formula>
    </cfRule>
  </conditionalFormatting>
  <conditionalFormatting sqref="B425:I429 D430 F430 H430 B432:I433 B430:B431">
    <cfRule type="endsWith" dxfId="356" priority="386" operator="endsWith" text="教育">
      <formula>RIGHT(B425,LEN("教育"))="教育"</formula>
    </cfRule>
    <cfRule type="endsWith" dxfId="355" priority="387" operator="endsWith" text="保健">
      <formula>RIGHT(B425,LEN("保健"))="保健"</formula>
    </cfRule>
    <cfRule type="endsWith" dxfId="354" priority="388" operator="endsWith" text="その他">
      <formula>RIGHT(B425,LEN("その他"))="その他"</formula>
    </cfRule>
    <cfRule type="endsWith" dxfId="353" priority="389" operator="endsWith" text="保育">
      <formula>RIGHT(B425,LEN("保育"))="保育"</formula>
    </cfRule>
    <cfRule type="endsWith" dxfId="352" priority="390" operator="endsWith" text="相談">
      <formula>RIGHT(B425,LEN("相談"))="相談"</formula>
    </cfRule>
    <cfRule type="endsWith" dxfId="351" priority="391" operator="endsWith" text="給付金">
      <formula>RIGHT(B425,LEN("給付金"))="給付金"</formula>
    </cfRule>
    <cfRule type="endsWith" dxfId="350" priority="392" operator="endsWith" text="障害福祉">
      <formula>RIGHT(B425,LEN("障害福祉"))="障害福祉"</formula>
    </cfRule>
  </conditionalFormatting>
  <conditionalFormatting sqref="B183:G184">
    <cfRule type="endsWith" dxfId="349" priority="379" operator="endsWith" text="教育">
      <formula>RIGHT(B183,LEN("教育"))="教育"</formula>
    </cfRule>
    <cfRule type="endsWith" dxfId="348" priority="380" operator="endsWith" text="保健">
      <formula>RIGHT(B183,LEN("保健"))="保健"</formula>
    </cfRule>
    <cfRule type="endsWith" dxfId="347" priority="381" operator="endsWith" text="その他">
      <formula>RIGHT(B183,LEN("その他"))="その他"</formula>
    </cfRule>
    <cfRule type="endsWith" dxfId="346" priority="382" operator="endsWith" text="保育">
      <formula>RIGHT(B183,LEN("保育"))="保育"</formula>
    </cfRule>
    <cfRule type="endsWith" dxfId="345" priority="383" operator="endsWith" text="相談">
      <formula>RIGHT(B183,LEN("相談"))="相談"</formula>
    </cfRule>
    <cfRule type="endsWith" dxfId="344" priority="384" operator="endsWith" text="給付金">
      <formula>RIGHT(B183,LEN("給付金"))="給付金"</formula>
    </cfRule>
    <cfRule type="endsWith" dxfId="343" priority="385" operator="endsWith" text="障害福祉">
      <formula>RIGHT(B183,LEN("障害福祉"))="障害福祉"</formula>
    </cfRule>
  </conditionalFormatting>
  <conditionalFormatting sqref="B986:C987 B985 B988:B990">
    <cfRule type="endsWith" dxfId="342" priority="372" operator="endsWith" text="教育">
      <formula>RIGHT(B985,LEN("教育"))="教育"</formula>
    </cfRule>
    <cfRule type="endsWith" dxfId="341" priority="373" operator="endsWith" text="保健">
      <formula>RIGHT(B985,LEN("保健"))="保健"</formula>
    </cfRule>
    <cfRule type="endsWith" dxfId="340" priority="374" operator="endsWith" text="その他">
      <formula>RIGHT(B985,LEN("その他"))="その他"</formula>
    </cfRule>
    <cfRule type="endsWith" dxfId="339" priority="375" operator="endsWith" text="保育">
      <formula>RIGHT(B985,LEN("保育"))="保育"</formula>
    </cfRule>
    <cfRule type="endsWith" dxfId="338" priority="376" operator="endsWith" text="相談">
      <formula>RIGHT(B985,LEN("相談"))="相談"</formula>
    </cfRule>
    <cfRule type="endsWith" dxfId="337" priority="377" operator="endsWith" text="給付金">
      <formula>RIGHT(B985,LEN("給付金"))="給付金"</formula>
    </cfRule>
    <cfRule type="endsWith" dxfId="336" priority="378" operator="endsWith" text="障害福祉">
      <formula>RIGHT(B985,LEN("障害福祉"))="障害福祉"</formula>
    </cfRule>
  </conditionalFormatting>
  <conditionalFormatting sqref="D986:I987">
    <cfRule type="endsWith" dxfId="335" priority="365" operator="endsWith" text="教育">
      <formula>RIGHT(D986,LEN("教育"))="教育"</formula>
    </cfRule>
    <cfRule type="endsWith" dxfId="334" priority="366" operator="endsWith" text="保健">
      <formula>RIGHT(D986,LEN("保健"))="保健"</formula>
    </cfRule>
    <cfRule type="endsWith" dxfId="333" priority="367" operator="endsWith" text="その他">
      <formula>RIGHT(D986,LEN("その他"))="その他"</formula>
    </cfRule>
    <cfRule type="endsWith" dxfId="332" priority="368" operator="endsWith" text="保育">
      <formula>RIGHT(D986,LEN("保育"))="保育"</formula>
    </cfRule>
    <cfRule type="endsWith" dxfId="331" priority="369" operator="endsWith" text="相談">
      <formula>RIGHT(D986,LEN("相談"))="相談"</formula>
    </cfRule>
    <cfRule type="endsWith" dxfId="330" priority="370" operator="endsWith" text="給付金">
      <formula>RIGHT(D986,LEN("給付金"))="給付金"</formula>
    </cfRule>
    <cfRule type="endsWith" dxfId="329" priority="371" operator="endsWith" text="障害福祉">
      <formula>RIGHT(D986,LEN("障害福祉"))="障害福祉"</formula>
    </cfRule>
  </conditionalFormatting>
  <conditionalFormatting sqref="B994:I996 D997 F997 H997 B999:I1000 B997:B998">
    <cfRule type="endsWith" dxfId="328" priority="358" operator="endsWith" text="教育">
      <formula>RIGHT(B994,LEN("教育"))="教育"</formula>
    </cfRule>
    <cfRule type="endsWith" dxfId="327" priority="359" operator="endsWith" text="保健">
      <formula>RIGHT(B994,LEN("保健"))="保健"</formula>
    </cfRule>
    <cfRule type="endsWith" dxfId="326" priority="360" operator="endsWith" text="その他">
      <formula>RIGHT(B994,LEN("その他"))="その他"</formula>
    </cfRule>
    <cfRule type="endsWith" dxfId="325" priority="361" operator="endsWith" text="保育">
      <formula>RIGHT(B994,LEN("保育"))="保育"</formula>
    </cfRule>
    <cfRule type="endsWith" dxfId="324" priority="362" operator="endsWith" text="相談">
      <formula>RIGHT(B994,LEN("相談"))="相談"</formula>
    </cfRule>
    <cfRule type="endsWith" dxfId="323" priority="363" operator="endsWith" text="給付金">
      <formula>RIGHT(B994,LEN("給付金"))="給付金"</formula>
    </cfRule>
    <cfRule type="endsWith" dxfId="322" priority="364" operator="endsWith" text="障害福祉">
      <formula>RIGHT(B994,LEN("障害福祉"))="障害福祉"</formula>
    </cfRule>
  </conditionalFormatting>
  <conditionalFormatting sqref="B967:I967 D968:I969 B972:I973 D970 F970 H970 B970:B971">
    <cfRule type="endsWith" dxfId="321" priority="351" operator="endsWith" text="教育">
      <formula>RIGHT(B967,LEN("教育"))="教育"</formula>
    </cfRule>
    <cfRule type="endsWith" dxfId="320" priority="352" operator="endsWith" text="保健">
      <formula>RIGHT(B967,LEN("保健"))="保健"</formula>
    </cfRule>
    <cfRule type="endsWith" dxfId="319" priority="353" operator="endsWith" text="その他">
      <formula>RIGHT(B967,LEN("その他"))="その他"</formula>
    </cfRule>
    <cfRule type="endsWith" dxfId="318" priority="354" operator="endsWith" text="保育">
      <formula>RIGHT(B967,LEN("保育"))="保育"</formula>
    </cfRule>
    <cfRule type="endsWith" dxfId="317" priority="355" operator="endsWith" text="相談">
      <formula>RIGHT(B967,LEN("相談"))="相談"</formula>
    </cfRule>
    <cfRule type="endsWith" dxfId="316" priority="356" operator="endsWith" text="給付金">
      <formula>RIGHT(B967,LEN("給付金"))="給付金"</formula>
    </cfRule>
    <cfRule type="endsWith" dxfId="315" priority="357" operator="endsWith" text="障害福祉">
      <formula>RIGHT(B967,LEN("障害福祉"))="障害福祉"</formula>
    </cfRule>
  </conditionalFormatting>
  <conditionalFormatting sqref="B968:C969">
    <cfRule type="endsWith" dxfId="314" priority="344" operator="endsWith" text="教育">
      <formula>RIGHT(B968,LEN("教育"))="教育"</formula>
    </cfRule>
    <cfRule type="endsWith" dxfId="313" priority="345" operator="endsWith" text="保健">
      <formula>RIGHT(B968,LEN("保健"))="保健"</formula>
    </cfRule>
    <cfRule type="endsWith" dxfId="312" priority="346" operator="endsWith" text="その他">
      <formula>RIGHT(B968,LEN("その他"))="その他"</formula>
    </cfRule>
    <cfRule type="endsWith" dxfId="311" priority="347" operator="endsWith" text="保育">
      <formula>RIGHT(B968,LEN("保育"))="保育"</formula>
    </cfRule>
    <cfRule type="endsWith" dxfId="310" priority="348" operator="endsWith" text="相談">
      <formula>RIGHT(B968,LEN("相談"))="相談"</formula>
    </cfRule>
    <cfRule type="endsWith" dxfId="309" priority="349" operator="endsWith" text="給付金">
      <formula>RIGHT(B968,LEN("給付金"))="給付金"</formula>
    </cfRule>
    <cfRule type="endsWith" dxfId="308" priority="350" operator="endsWith" text="障害福祉">
      <formula>RIGHT(B968,LEN("障害福祉"))="障害福祉"</formula>
    </cfRule>
  </conditionalFormatting>
  <conditionalFormatting sqref="B976:I978 D979 F979 H979 B981:I982 B979:B980">
    <cfRule type="endsWith" dxfId="307" priority="337" operator="endsWith" text="教育">
      <formula>RIGHT(B976,LEN("教育"))="教育"</formula>
    </cfRule>
    <cfRule type="endsWith" dxfId="306" priority="338" operator="endsWith" text="保健">
      <formula>RIGHT(B976,LEN("保健"))="保健"</formula>
    </cfRule>
    <cfRule type="endsWith" dxfId="305" priority="339" operator="endsWith" text="その他">
      <formula>RIGHT(B976,LEN("その他"))="その他"</formula>
    </cfRule>
    <cfRule type="endsWith" dxfId="304" priority="340" operator="endsWith" text="保育">
      <formula>RIGHT(B976,LEN("保育"))="保育"</formula>
    </cfRule>
    <cfRule type="endsWith" dxfId="303" priority="341" operator="endsWith" text="相談">
      <formula>RIGHT(B976,LEN("相談"))="相談"</formula>
    </cfRule>
    <cfRule type="endsWith" dxfId="302" priority="342" operator="endsWith" text="給付金">
      <formula>RIGHT(B976,LEN("給付金"))="給付金"</formula>
    </cfRule>
    <cfRule type="endsWith" dxfId="301" priority="343" operator="endsWith" text="障害福祉">
      <formula>RIGHT(B976,LEN("障害福祉"))="障害福祉"</formula>
    </cfRule>
  </conditionalFormatting>
  <conditionalFormatting sqref="B799:I801 D802 F802 H802 B804:I805 B802:B803">
    <cfRule type="endsWith" dxfId="300" priority="323" operator="endsWith" text="教育">
      <formula>RIGHT(B799,LEN("教育"))="教育"</formula>
    </cfRule>
    <cfRule type="endsWith" dxfId="299" priority="324" operator="endsWith" text="保健">
      <formula>RIGHT(B799,LEN("保健"))="保健"</formula>
    </cfRule>
    <cfRule type="endsWith" dxfId="298" priority="325" operator="endsWith" text="その他">
      <formula>RIGHT(B799,LEN("その他"))="その他"</formula>
    </cfRule>
    <cfRule type="endsWith" dxfId="297" priority="326" operator="endsWith" text="保育">
      <formula>RIGHT(B799,LEN("保育"))="保育"</formula>
    </cfRule>
    <cfRule type="endsWith" dxfId="296" priority="327" operator="endsWith" text="相談">
      <formula>RIGHT(B799,LEN("相談"))="相談"</formula>
    </cfRule>
    <cfRule type="endsWith" dxfId="295" priority="328" operator="endsWith" text="給付金">
      <formula>RIGHT(B799,LEN("給付金"))="給付金"</formula>
    </cfRule>
    <cfRule type="endsWith" dxfId="294" priority="329" operator="endsWith" text="障害福祉">
      <formula>RIGHT(B799,LEN("障害福祉"))="障害福祉"</formula>
    </cfRule>
  </conditionalFormatting>
  <conditionalFormatting sqref="B808:I810 D811 F811 H811 B813:I814 B811:B812">
    <cfRule type="endsWith" dxfId="293" priority="316" operator="endsWith" text="教育">
      <formula>RIGHT(B808,LEN("教育"))="教育"</formula>
    </cfRule>
    <cfRule type="endsWith" dxfId="292" priority="317" operator="endsWith" text="保健">
      <formula>RIGHT(B808,LEN("保健"))="保健"</formula>
    </cfRule>
    <cfRule type="endsWith" dxfId="291" priority="318" operator="endsWith" text="その他">
      <formula>RIGHT(B808,LEN("その他"))="その他"</formula>
    </cfRule>
    <cfRule type="endsWith" dxfId="290" priority="319" operator="endsWith" text="保育">
      <formula>RIGHT(B808,LEN("保育"))="保育"</formula>
    </cfRule>
    <cfRule type="endsWith" dxfId="289" priority="320" operator="endsWith" text="相談">
      <formula>RIGHT(B808,LEN("相談"))="相談"</formula>
    </cfRule>
    <cfRule type="endsWith" dxfId="288" priority="321" operator="endsWith" text="給付金">
      <formula>RIGHT(B808,LEN("給付金"))="給付金"</formula>
    </cfRule>
    <cfRule type="endsWith" dxfId="287" priority="322" operator="endsWith" text="障害福祉">
      <formula>RIGHT(B808,LEN("障害福祉"))="障害福祉"</formula>
    </cfRule>
  </conditionalFormatting>
  <conditionalFormatting sqref="B595:I597 F598 H598 B600:I606 D607 F607 H607 B609:I615 D616 F616 H616 B618:I624 D625 F625 H625 B627:I628 B598:B599 B607:B608 B616:B617 B625:B626">
    <cfRule type="endsWith" dxfId="286" priority="309" operator="endsWith" text="教育">
      <formula>RIGHT(B595,LEN("教育"))="教育"</formula>
    </cfRule>
    <cfRule type="endsWith" dxfId="285" priority="310" operator="endsWith" text="保健">
      <formula>RIGHT(B595,LEN("保健"))="保健"</formula>
    </cfRule>
    <cfRule type="endsWith" dxfId="284" priority="311" operator="endsWith" text="その他">
      <formula>RIGHT(B595,LEN("その他"))="その他"</formula>
    </cfRule>
    <cfRule type="endsWith" dxfId="283" priority="312" operator="endsWith" text="保育">
      <formula>RIGHT(B595,LEN("保育"))="保育"</formula>
    </cfRule>
    <cfRule type="endsWith" dxfId="282" priority="313" operator="endsWith" text="相談">
      <formula>RIGHT(B595,LEN("相談"))="相談"</formula>
    </cfRule>
    <cfRule type="endsWith" dxfId="281" priority="314" operator="endsWith" text="給付金">
      <formula>RIGHT(B595,LEN("給付金"))="給付金"</formula>
    </cfRule>
    <cfRule type="endsWith" dxfId="280" priority="315" operator="endsWith" text="障害福祉">
      <formula>RIGHT(B595,LEN("障害福祉"))="障害福祉"</formula>
    </cfRule>
  </conditionalFormatting>
  <conditionalFormatting sqref="B477:I479 D480 F480 H480 B482:I488 D489 F489 H489 B491:I497 D498 F498 H498 B500:I506 D507 F507 H507 B509:I515 D516 H516 B518:I519 B516:B517 F516 B480:B481 B489:B490 B498:B499 B507:B508">
    <cfRule type="endsWith" dxfId="279" priority="302" operator="endsWith" text="教育">
      <formula>RIGHT(B477,LEN("教育"))="教育"</formula>
    </cfRule>
    <cfRule type="endsWith" dxfId="278" priority="303" operator="endsWith" text="保健">
      <formula>RIGHT(B477,LEN("保健"))="保健"</formula>
    </cfRule>
    <cfRule type="endsWith" dxfId="277" priority="304" operator="endsWith" text="その他">
      <formula>RIGHT(B477,LEN("その他"))="その他"</formula>
    </cfRule>
    <cfRule type="endsWith" dxfId="276" priority="305" operator="endsWith" text="保育">
      <formula>RIGHT(B477,LEN("保育"))="保育"</formula>
    </cfRule>
    <cfRule type="endsWith" dxfId="275" priority="306" operator="endsWith" text="相談">
      <formula>RIGHT(B477,LEN("相談"))="相談"</formula>
    </cfRule>
    <cfRule type="endsWith" dxfId="274" priority="307" operator="endsWith" text="給付金">
      <formula>RIGHT(B477,LEN("給付金"))="給付金"</formula>
    </cfRule>
    <cfRule type="endsWith" dxfId="273" priority="308" operator="endsWith" text="障害福祉">
      <formula>RIGHT(B477,LEN("障害福祉"))="障害福祉"</formula>
    </cfRule>
  </conditionalFormatting>
  <conditionalFormatting sqref="B175:I177 B119:I122 D135 F135 H135 B139:I140 B157:I158 B135 B148:I149 B130:I134">
    <cfRule type="endsWith" dxfId="272" priority="295" operator="endsWith" text="教育">
      <formula>RIGHT(B119,LEN("教育"))="教育"</formula>
    </cfRule>
    <cfRule type="endsWith" dxfId="271" priority="296" operator="endsWith" text="保健">
      <formula>RIGHT(B119,LEN("保健"))="保健"</formula>
    </cfRule>
    <cfRule type="endsWith" dxfId="270" priority="297" operator="endsWith" text="その他">
      <formula>RIGHT(B119,LEN("その他"))="その他"</formula>
    </cfRule>
    <cfRule type="endsWith" dxfId="269" priority="298" operator="endsWith" text="保育">
      <formula>RIGHT(B119,LEN("保育"))="保育"</formula>
    </cfRule>
    <cfRule type="endsWith" dxfId="268" priority="299" operator="endsWith" text="相談">
      <formula>RIGHT(B119,LEN("相談"))="相談"</formula>
    </cfRule>
    <cfRule type="endsWith" dxfId="267" priority="300" operator="endsWith" text="給付金">
      <formula>RIGHT(B119,LEN("給付金"))="給付金"</formula>
    </cfRule>
    <cfRule type="endsWith" dxfId="266" priority="301" operator="endsWith" text="障害福祉">
      <formula>RIGHT(B119,LEN("障害福祉"))="障害福祉"</formula>
    </cfRule>
  </conditionalFormatting>
  <conditionalFormatting sqref="B159:I161 D162 F162 H162 B164:I170 D171 F171 H171 B173:I174 B162:B163 B171:B172">
    <cfRule type="endsWith" dxfId="265" priority="288" operator="endsWith" text="教育">
      <formula>RIGHT(B159,LEN("教育"))="教育"</formula>
    </cfRule>
    <cfRule type="endsWith" dxfId="264" priority="289" operator="endsWith" text="保健">
      <formula>RIGHT(B159,LEN("保健"))="保健"</formula>
    </cfRule>
    <cfRule type="endsWith" dxfId="263" priority="290" operator="endsWith" text="その他">
      <formula>RIGHT(B159,LEN("その他"))="その他"</formula>
    </cfRule>
    <cfRule type="endsWith" dxfId="262" priority="291" operator="endsWith" text="保育">
      <formula>RIGHT(B159,LEN("保育"))="保育"</formula>
    </cfRule>
    <cfRule type="endsWith" dxfId="261" priority="292" operator="endsWith" text="相談">
      <formula>RIGHT(B159,LEN("相談"))="相談"</formula>
    </cfRule>
    <cfRule type="endsWith" dxfId="260" priority="293" operator="endsWith" text="給付金">
      <formula>RIGHT(B159,LEN("給付金"))="給付金"</formula>
    </cfRule>
    <cfRule type="endsWith" dxfId="259" priority="294" operator="endsWith" text="障害福祉">
      <formula>RIGHT(B159,LEN("障害福祉"))="障害福祉"</formula>
    </cfRule>
  </conditionalFormatting>
  <conditionalFormatting sqref="B150:I152 D153 F153 H153 B153:B154 B155:I156">
    <cfRule type="endsWith" dxfId="258" priority="281" operator="endsWith" text="教育">
      <formula>RIGHT(B150,LEN("教育"))="教育"</formula>
    </cfRule>
    <cfRule type="endsWith" dxfId="257" priority="282" operator="endsWith" text="保健">
      <formula>RIGHT(B150,LEN("保健"))="保健"</formula>
    </cfRule>
    <cfRule type="endsWith" dxfId="256" priority="283" operator="endsWith" text="その他">
      <formula>RIGHT(B150,LEN("その他"))="その他"</formula>
    </cfRule>
    <cfRule type="endsWith" dxfId="255" priority="284" operator="endsWith" text="保育">
      <formula>RIGHT(B150,LEN("保育"))="保育"</formula>
    </cfRule>
    <cfRule type="endsWith" dxfId="254" priority="285" operator="endsWith" text="相談">
      <formula>RIGHT(B150,LEN("相談"))="相談"</formula>
    </cfRule>
    <cfRule type="endsWith" dxfId="253" priority="286" operator="endsWith" text="給付金">
      <formula>RIGHT(B150,LEN("給付金"))="給付金"</formula>
    </cfRule>
    <cfRule type="endsWith" dxfId="252" priority="287" operator="endsWith" text="障害福祉">
      <formula>RIGHT(B150,LEN("障害福祉"))="障害福祉"</formula>
    </cfRule>
  </conditionalFormatting>
  <conditionalFormatting sqref="D144 F144 H144 B146:I147 B141:I143 B145">
    <cfRule type="endsWith" dxfId="251" priority="274" operator="endsWith" text="教育">
      <formula>RIGHT(B141,LEN("教育"))="教育"</formula>
    </cfRule>
    <cfRule type="endsWith" dxfId="250" priority="275" operator="endsWith" text="保健">
      <formula>RIGHT(B141,LEN("保健"))="保健"</formula>
    </cfRule>
    <cfRule type="endsWith" dxfId="249" priority="276" operator="endsWith" text="その他">
      <formula>RIGHT(B141,LEN("その他"))="その他"</formula>
    </cfRule>
    <cfRule type="endsWith" dxfId="248" priority="277" operator="endsWith" text="保育">
      <formula>RIGHT(B141,LEN("保育"))="保育"</formula>
    </cfRule>
    <cfRule type="endsWith" dxfId="247" priority="278" operator="endsWith" text="相談">
      <formula>RIGHT(B141,LEN("相談"))="相談"</formula>
    </cfRule>
    <cfRule type="endsWith" dxfId="246" priority="279" operator="endsWith" text="給付金">
      <formula>RIGHT(B141,LEN("給付金"))="給付金"</formula>
    </cfRule>
    <cfRule type="endsWith" dxfId="245" priority="280" operator="endsWith" text="障害福祉">
      <formula>RIGHT(B141,LEN("障害福祉"))="障害福祉"</formula>
    </cfRule>
  </conditionalFormatting>
  <conditionalFormatting sqref="B144">
    <cfRule type="endsWith" dxfId="244" priority="267" operator="endsWith" text="教育">
      <formula>RIGHT(B144,LEN("教育"))="教育"</formula>
    </cfRule>
    <cfRule type="endsWith" dxfId="243" priority="268" operator="endsWith" text="保健">
      <formula>RIGHT(B144,LEN("保健"))="保健"</formula>
    </cfRule>
    <cfRule type="endsWith" dxfId="242" priority="269" operator="endsWith" text="その他">
      <formula>RIGHT(B144,LEN("その他"))="その他"</formula>
    </cfRule>
    <cfRule type="endsWith" dxfId="241" priority="270" operator="endsWith" text="保育">
      <formula>RIGHT(B144,LEN("保育"))="保育"</formula>
    </cfRule>
    <cfRule type="endsWith" dxfId="240" priority="271" operator="endsWith" text="相談">
      <formula>RIGHT(B144,LEN("相談"))="相談"</formula>
    </cfRule>
    <cfRule type="endsWith" dxfId="239" priority="272" operator="endsWith" text="給付金">
      <formula>RIGHT(B144,LEN("給付金"))="給付金"</formula>
    </cfRule>
    <cfRule type="endsWith" dxfId="238" priority="273" operator="endsWith" text="障害福祉">
      <formula>RIGHT(B144,LEN("障害福祉"))="障害福祉"</formula>
    </cfRule>
  </conditionalFormatting>
  <conditionalFormatting sqref="B123:I125 D126 F126 H126 B126 B128:I129">
    <cfRule type="endsWith" dxfId="237" priority="260" operator="endsWith" text="教育">
      <formula>RIGHT(B123,LEN("教育"))="教育"</formula>
    </cfRule>
    <cfRule type="endsWith" dxfId="236" priority="261" operator="endsWith" text="保健">
      <formula>RIGHT(B123,LEN("保健"))="保健"</formula>
    </cfRule>
    <cfRule type="endsWith" dxfId="235" priority="262" operator="endsWith" text="その他">
      <formula>RIGHT(B123,LEN("その他"))="その他"</formula>
    </cfRule>
    <cfRule type="endsWith" dxfId="234" priority="263" operator="endsWith" text="保育">
      <formula>RIGHT(B123,LEN("保育"))="保育"</formula>
    </cfRule>
    <cfRule type="endsWith" dxfId="233" priority="264" operator="endsWith" text="相談">
      <formula>RIGHT(B123,LEN("相談"))="相談"</formula>
    </cfRule>
    <cfRule type="endsWith" dxfId="232" priority="265" operator="endsWith" text="給付金">
      <formula>RIGHT(B123,LEN("給付金"))="給付金"</formula>
    </cfRule>
    <cfRule type="endsWith" dxfId="231" priority="266" operator="endsWith" text="障害福祉">
      <formula>RIGHT(B123,LEN("障害福祉"))="障害福祉"</formula>
    </cfRule>
  </conditionalFormatting>
  <conditionalFormatting sqref="B127">
    <cfRule type="endsWith" dxfId="230" priority="246" operator="endsWith" text="教育">
      <formula>RIGHT(B127,LEN("教育"))="教育"</formula>
    </cfRule>
    <cfRule type="endsWith" dxfId="229" priority="247" operator="endsWith" text="保健">
      <formula>RIGHT(B127,LEN("保健"))="保健"</formula>
    </cfRule>
    <cfRule type="endsWith" dxfId="228" priority="248" operator="endsWith" text="その他">
      <formula>RIGHT(B127,LEN("その他"))="その他"</formula>
    </cfRule>
    <cfRule type="endsWith" dxfId="227" priority="249" operator="endsWith" text="保育">
      <formula>RIGHT(B127,LEN("保育"))="保育"</formula>
    </cfRule>
    <cfRule type="endsWith" dxfId="226" priority="250" operator="endsWith" text="相談">
      <formula>RIGHT(B127,LEN("相談"))="相談"</formula>
    </cfRule>
    <cfRule type="endsWith" dxfId="225" priority="251" operator="endsWith" text="給付金">
      <formula>RIGHT(B127,LEN("給付金"))="給付金"</formula>
    </cfRule>
    <cfRule type="endsWith" dxfId="224" priority="252" operator="endsWith" text="障害福祉">
      <formula>RIGHT(B127,LEN("障害福祉"))="障害福祉"</formula>
    </cfRule>
  </conditionalFormatting>
  <conditionalFormatting sqref="B136 B137:I138">
    <cfRule type="endsWith" dxfId="223" priority="253" operator="endsWith" text="教育">
      <formula>RIGHT(B136,LEN("教育"))="教育"</formula>
    </cfRule>
    <cfRule type="endsWith" dxfId="222" priority="254" operator="endsWith" text="保健">
      <formula>RIGHT(B136,LEN("保健"))="保健"</formula>
    </cfRule>
    <cfRule type="endsWith" dxfId="221" priority="255" operator="endsWith" text="その他">
      <formula>RIGHT(B136,LEN("その他"))="その他"</formula>
    </cfRule>
    <cfRule type="endsWith" dxfId="220" priority="256" operator="endsWith" text="保育">
      <formula>RIGHT(B136,LEN("保育"))="保育"</formula>
    </cfRule>
    <cfRule type="endsWith" dxfId="219" priority="257" operator="endsWith" text="相談">
      <formula>RIGHT(B136,LEN("相談"))="相談"</formula>
    </cfRule>
    <cfRule type="endsWith" dxfId="218" priority="258" operator="endsWith" text="給付金">
      <formula>RIGHT(B136,LEN("給付金"))="給付金"</formula>
    </cfRule>
    <cfRule type="endsWith" dxfId="217" priority="259" operator="endsWith" text="障害福祉">
      <formula>RIGHT(B136,LEN("障害福祉"))="障害福祉"</formula>
    </cfRule>
  </conditionalFormatting>
  <conditionalFormatting sqref="B1657:I1659 D1660 F1660 H1660 B1662:I1665 B1660:B1661">
    <cfRule type="endsWith" dxfId="216" priority="239" operator="endsWith" text="教育">
      <formula>RIGHT(B1657,LEN("教育"))="教育"</formula>
    </cfRule>
    <cfRule type="endsWith" dxfId="215" priority="240" operator="endsWith" text="保健">
      <formula>RIGHT(B1657,LEN("保健"))="保健"</formula>
    </cfRule>
    <cfRule type="endsWith" dxfId="214" priority="241" operator="endsWith" text="その他">
      <formula>RIGHT(B1657,LEN("その他"))="その他"</formula>
    </cfRule>
    <cfRule type="endsWith" dxfId="213" priority="242" operator="endsWith" text="保育">
      <formula>RIGHT(B1657,LEN("保育"))="保育"</formula>
    </cfRule>
    <cfRule type="endsWith" dxfId="212" priority="243" operator="endsWith" text="相談">
      <formula>RIGHT(B1657,LEN("相談"))="相談"</formula>
    </cfRule>
    <cfRule type="endsWith" dxfId="211" priority="244" operator="endsWith" text="給付金">
      <formula>RIGHT(B1657,LEN("給付金"))="給付金"</formula>
    </cfRule>
    <cfRule type="endsWith" dxfId="210" priority="245" operator="endsWith" text="障害福祉">
      <formula>RIGHT(B1657,LEN("障害福祉"))="障害福祉"</formula>
    </cfRule>
  </conditionalFormatting>
  <conditionalFormatting sqref="B296:I302 D303 F303 H303 B305:I311 D312 F312 H312 B314:I320 D321 F321 H321 B323:I329 D330 F330 H330 B333:I336 B303:B304 B312:B313 B321:B322 B330:B332 B353:I354">
    <cfRule type="endsWith" dxfId="209" priority="232" operator="endsWith" text="教育">
      <formula>RIGHT(B296,LEN("教育"))="教育"</formula>
    </cfRule>
    <cfRule type="endsWith" dxfId="208" priority="233" operator="endsWith" text="保健">
      <formula>RIGHT(B296,LEN("保健"))="保健"</formula>
    </cfRule>
    <cfRule type="endsWith" dxfId="207" priority="234" operator="endsWith" text="その他">
      <formula>RIGHT(B296,LEN("その他"))="その他"</formula>
    </cfRule>
    <cfRule type="endsWith" dxfId="206" priority="235" operator="endsWith" text="保育">
      <formula>RIGHT(B296,LEN("保育"))="保育"</formula>
    </cfRule>
    <cfRule type="endsWith" dxfId="205" priority="236" operator="endsWith" text="相談">
      <formula>RIGHT(B296,LEN("相談"))="相談"</formula>
    </cfRule>
    <cfRule type="endsWith" dxfId="204" priority="237" operator="endsWith" text="給付金">
      <formula>RIGHT(B296,LEN("給付金"))="給付金"</formula>
    </cfRule>
    <cfRule type="endsWith" dxfId="203" priority="238" operator="endsWith" text="障害福祉">
      <formula>RIGHT(B296,LEN("障害福祉"))="障害福祉"</formula>
    </cfRule>
  </conditionalFormatting>
  <conditionalFormatting sqref="B344:I348 D349 F349 H349 B351:I352 B349:B350">
    <cfRule type="endsWith" dxfId="202" priority="225" operator="endsWith" text="教育">
      <formula>RIGHT(B344,LEN("教育"))="教育"</formula>
    </cfRule>
    <cfRule type="endsWith" dxfId="201" priority="226" operator="endsWith" text="保健">
      <formula>RIGHT(B344,LEN("保健"))="保健"</formula>
    </cfRule>
    <cfRule type="endsWith" dxfId="200" priority="227" operator="endsWith" text="その他">
      <formula>RIGHT(B344,LEN("その他"))="その他"</formula>
    </cfRule>
    <cfRule type="endsWith" dxfId="199" priority="228" operator="endsWith" text="保育">
      <formula>RIGHT(B344,LEN("保育"))="保育"</formula>
    </cfRule>
    <cfRule type="endsWith" dxfId="198" priority="229" operator="endsWith" text="相談">
      <formula>RIGHT(B344,LEN("相談"))="相談"</formula>
    </cfRule>
    <cfRule type="endsWith" dxfId="197" priority="230" operator="endsWith" text="給付金">
      <formula>RIGHT(B344,LEN("給付金"))="給付金"</formula>
    </cfRule>
    <cfRule type="endsWith" dxfId="196" priority="231" operator="endsWith" text="障害福祉">
      <formula>RIGHT(B344,LEN("障害福祉"))="障害福祉"</formula>
    </cfRule>
  </conditionalFormatting>
  <conditionalFormatting sqref="B2098:C2099 B2097 B2100:B2102">
    <cfRule type="endsWith" dxfId="195" priority="218" operator="endsWith" text="教育">
      <formula>RIGHT(B2097,LEN("教育"))="教育"</formula>
    </cfRule>
    <cfRule type="endsWith" dxfId="194" priority="219" operator="endsWith" text="保健">
      <formula>RIGHT(B2097,LEN("保健"))="保健"</formula>
    </cfRule>
    <cfRule type="endsWith" dxfId="193" priority="220" operator="endsWith" text="その他">
      <formula>RIGHT(B2097,LEN("その他"))="その他"</formula>
    </cfRule>
    <cfRule type="endsWith" dxfId="192" priority="221" operator="endsWith" text="保育">
      <formula>RIGHT(B2097,LEN("保育"))="保育"</formula>
    </cfRule>
    <cfRule type="endsWith" dxfId="191" priority="222" operator="endsWith" text="相談">
      <formula>RIGHT(B2097,LEN("相談"))="相談"</formula>
    </cfRule>
    <cfRule type="endsWith" dxfId="190" priority="223" operator="endsWith" text="給付金">
      <formula>RIGHT(B2097,LEN("給付金"))="給付金"</formula>
    </cfRule>
    <cfRule type="endsWith" dxfId="189" priority="224" operator="endsWith" text="障害福祉">
      <formula>RIGHT(B2097,LEN("障害福祉"))="障害福祉"</formula>
    </cfRule>
  </conditionalFormatting>
  <conditionalFormatting sqref="D2098:I2099">
    <cfRule type="endsWith" dxfId="188" priority="211" operator="endsWith" text="教育">
      <formula>RIGHT(D2098,LEN("教育"))="教育"</formula>
    </cfRule>
    <cfRule type="endsWith" dxfId="187" priority="212" operator="endsWith" text="保健">
      <formula>RIGHT(D2098,LEN("保健"))="保健"</formula>
    </cfRule>
    <cfRule type="endsWith" dxfId="186" priority="213" operator="endsWith" text="その他">
      <formula>RIGHT(D2098,LEN("その他"))="その他"</formula>
    </cfRule>
    <cfRule type="endsWith" dxfId="185" priority="214" operator="endsWith" text="保育">
      <formula>RIGHT(D2098,LEN("保育"))="保育"</formula>
    </cfRule>
    <cfRule type="endsWith" dxfId="184" priority="215" operator="endsWith" text="相談">
      <formula>RIGHT(D2098,LEN("相談"))="相談"</formula>
    </cfRule>
    <cfRule type="endsWith" dxfId="183" priority="216" operator="endsWith" text="給付金">
      <formula>RIGHT(D2098,LEN("給付金"))="給付金"</formula>
    </cfRule>
    <cfRule type="endsWith" dxfId="182" priority="217" operator="endsWith" text="障害福祉">
      <formula>RIGHT(D2098,LEN("障害福祉"))="障害福祉"</formula>
    </cfRule>
  </conditionalFormatting>
  <conditionalFormatting sqref="I67 I70 B67:B68 B69:C69">
    <cfRule type="endsWith" dxfId="181" priority="204" operator="endsWith" text="教育">
      <formula>RIGHT(B67,LEN("教育"))="教育"</formula>
    </cfRule>
    <cfRule type="endsWith" dxfId="180" priority="205" operator="endsWith" text="保健">
      <formula>RIGHT(B67,LEN("保健"))="保健"</formula>
    </cfRule>
    <cfRule type="endsWith" dxfId="179" priority="206" operator="endsWith" text="その他">
      <formula>RIGHT(B67,LEN("その他"))="その他"</formula>
    </cfRule>
    <cfRule type="endsWith" dxfId="178" priority="207" operator="endsWith" text="保育">
      <formula>RIGHT(B67,LEN("保育"))="保育"</formula>
    </cfRule>
    <cfRule type="endsWith" dxfId="177" priority="208" operator="endsWith" text="相談">
      <formula>RIGHT(B67,LEN("相談"))="相談"</formula>
    </cfRule>
    <cfRule type="endsWith" dxfId="176" priority="209" operator="endsWith" text="給付金">
      <formula>RIGHT(B67,LEN("給付金"))="給付金"</formula>
    </cfRule>
    <cfRule type="endsWith" dxfId="175" priority="210" operator="endsWith" text="障害福祉">
      <formula>RIGHT(B67,LEN("障害福祉"))="障害福祉"</formula>
    </cfRule>
  </conditionalFormatting>
  <conditionalFormatting sqref="D246 F246 H246 B249:I250 B247:B248 B244 D244:I245 B241:B242">
    <cfRule type="endsWith" dxfId="174" priority="169" operator="endsWith" text="教育">
      <formula>RIGHT(B241,LEN("教育"))="教育"</formula>
    </cfRule>
    <cfRule type="endsWith" dxfId="173" priority="170" operator="endsWith" text="保健">
      <formula>RIGHT(B241,LEN("保健"))="保健"</formula>
    </cfRule>
    <cfRule type="endsWith" dxfId="172" priority="171" operator="endsWith" text="その他">
      <formula>RIGHT(B241,LEN("その他"))="その他"</formula>
    </cfRule>
    <cfRule type="endsWith" dxfId="171" priority="172" operator="endsWith" text="保育">
      <formula>RIGHT(B241,LEN("保育"))="保育"</formula>
    </cfRule>
    <cfRule type="endsWith" dxfId="170" priority="173" operator="endsWith" text="相談">
      <formula>RIGHT(B241,LEN("相談"))="相談"</formula>
    </cfRule>
    <cfRule type="endsWith" dxfId="169" priority="174" operator="endsWith" text="給付金">
      <formula>RIGHT(B241,LEN("給付金"))="給付金"</formula>
    </cfRule>
    <cfRule type="endsWith" dxfId="168" priority="175" operator="endsWith" text="障害福祉">
      <formula>RIGHT(B241,LEN("障害福祉"))="障害福祉"</formula>
    </cfRule>
  </conditionalFormatting>
  <conditionalFormatting sqref="B253:I253 F256 H256 B257:B258 F254:I255">
    <cfRule type="endsWith" dxfId="167" priority="162" operator="endsWith" text="教育">
      <formula>RIGHT(B253,LEN("教育"))="教育"</formula>
    </cfRule>
    <cfRule type="endsWith" dxfId="166" priority="163" operator="endsWith" text="保健">
      <formula>RIGHT(B253,LEN("保健"))="保健"</formula>
    </cfRule>
    <cfRule type="endsWith" dxfId="165" priority="164" operator="endsWith" text="その他">
      <formula>RIGHT(B253,LEN("その他"))="その他"</formula>
    </cfRule>
    <cfRule type="endsWith" dxfId="164" priority="165" operator="endsWith" text="保育">
      <formula>RIGHT(B253,LEN("保育"))="保育"</formula>
    </cfRule>
    <cfRule type="endsWith" dxfId="163" priority="166" operator="endsWith" text="相談">
      <formula>RIGHT(B253,LEN("相談"))="相談"</formula>
    </cfRule>
    <cfRule type="endsWith" dxfId="162" priority="167" operator="endsWith" text="給付金">
      <formula>RIGHT(B253,LEN("給付金"))="給付金"</formula>
    </cfRule>
    <cfRule type="endsWith" dxfId="161" priority="168" operator="endsWith" text="障害福祉">
      <formula>RIGHT(B253,LEN("障害福祉"))="障害福祉"</formula>
    </cfRule>
  </conditionalFormatting>
  <conditionalFormatting sqref="D256 B254 D254:E255">
    <cfRule type="endsWith" dxfId="160" priority="155" operator="endsWith" text="教育">
      <formula>RIGHT(B254,LEN("教育"))="教育"</formula>
    </cfRule>
    <cfRule type="endsWith" dxfId="159" priority="156" operator="endsWith" text="保健">
      <formula>RIGHT(B254,LEN("保健"))="保健"</formula>
    </cfRule>
    <cfRule type="endsWith" dxfId="158" priority="157" operator="endsWith" text="その他">
      <formula>RIGHT(B254,LEN("その他"))="その他"</formula>
    </cfRule>
    <cfRule type="endsWith" dxfId="157" priority="158" operator="endsWith" text="保育">
      <formula>RIGHT(B254,LEN("保育"))="保育"</formula>
    </cfRule>
    <cfRule type="endsWith" dxfId="156" priority="159" operator="endsWith" text="相談">
      <formula>RIGHT(B254,LEN("相談"))="相談"</formula>
    </cfRule>
    <cfRule type="endsWith" dxfId="155" priority="160" operator="endsWith" text="給付金">
      <formula>RIGHT(B254,LEN("給付金"))="給付金"</formula>
    </cfRule>
    <cfRule type="endsWith" dxfId="154" priority="161" operator="endsWith" text="障害福祉">
      <formula>RIGHT(B254,LEN("障害福祉"))="障害福祉"</formula>
    </cfRule>
  </conditionalFormatting>
  <conditionalFormatting sqref="D265 F265 H265 B267:I268 B265:B266 B262:I264">
    <cfRule type="endsWith" dxfId="153" priority="148" operator="endsWith" text="教育">
      <formula>RIGHT(B262,LEN("教育"))="教育"</formula>
    </cfRule>
    <cfRule type="endsWith" dxfId="152" priority="149" operator="endsWith" text="保健">
      <formula>RIGHT(B262,LEN("保健"))="保健"</formula>
    </cfRule>
    <cfRule type="endsWith" dxfId="151" priority="150" operator="endsWith" text="その他">
      <formula>RIGHT(B262,LEN("その他"))="その他"</formula>
    </cfRule>
    <cfRule type="endsWith" dxfId="150" priority="151" operator="endsWith" text="保育">
      <formula>RIGHT(B262,LEN("保育"))="保育"</formula>
    </cfRule>
    <cfRule type="endsWith" dxfId="149" priority="152" operator="endsWith" text="相談">
      <formula>RIGHT(B262,LEN("相談"))="相談"</formula>
    </cfRule>
    <cfRule type="endsWith" dxfId="148" priority="153" operator="endsWith" text="給付金">
      <formula>RIGHT(B262,LEN("給付金"))="給付金"</formula>
    </cfRule>
    <cfRule type="endsWith" dxfId="147" priority="154" operator="endsWith" text="障害福祉">
      <formula>RIGHT(B262,LEN("障害福祉"))="障害福祉"</formula>
    </cfRule>
  </conditionalFormatting>
  <conditionalFormatting sqref="B272 D272 F272 H272 B271:I271 D274 F274 H274 B274:B275">
    <cfRule type="endsWith" dxfId="146" priority="141" operator="endsWith" text="教育">
      <formula>RIGHT(B271,LEN("教育"))="教育"</formula>
    </cfRule>
    <cfRule type="endsWith" dxfId="145" priority="142" operator="endsWith" text="保健">
      <formula>RIGHT(B271,LEN("保健"))="保健"</formula>
    </cfRule>
    <cfRule type="endsWith" dxfId="144" priority="143" operator="endsWith" text="その他">
      <formula>RIGHT(B271,LEN("その他"))="その他"</formula>
    </cfRule>
    <cfRule type="endsWith" dxfId="143" priority="144" operator="endsWith" text="保育">
      <formula>RIGHT(B271,LEN("保育"))="保育"</formula>
    </cfRule>
    <cfRule type="endsWith" dxfId="142" priority="145" operator="endsWith" text="相談">
      <formula>RIGHT(B271,LEN("相談"))="相談"</formula>
    </cfRule>
    <cfRule type="endsWith" dxfId="141" priority="146" operator="endsWith" text="給付金">
      <formula>RIGHT(B271,LEN("給付金"))="給付金"</formula>
    </cfRule>
    <cfRule type="endsWith" dxfId="140" priority="147" operator="endsWith" text="障害福祉">
      <formula>RIGHT(B271,LEN("障害福祉"))="障害福祉"</formula>
    </cfRule>
  </conditionalFormatting>
  <conditionalFormatting sqref="B276">
    <cfRule type="endsWith" dxfId="139" priority="134" operator="endsWith" text="教育">
      <formula>RIGHT(B276,LEN("教育"))="教育"</formula>
    </cfRule>
    <cfRule type="endsWith" dxfId="138" priority="135" operator="endsWith" text="保健">
      <formula>RIGHT(B276,LEN("保健"))="保健"</formula>
    </cfRule>
    <cfRule type="endsWith" dxfId="137" priority="136" operator="endsWith" text="その他">
      <formula>RIGHT(B276,LEN("その他"))="その他"</formula>
    </cfRule>
    <cfRule type="endsWith" dxfId="136" priority="137" operator="endsWith" text="保育">
      <formula>RIGHT(B276,LEN("保育"))="保育"</formula>
    </cfRule>
    <cfRule type="endsWith" dxfId="135" priority="138" operator="endsWith" text="相談">
      <formula>RIGHT(B276,LEN("相談"))="相談"</formula>
    </cfRule>
    <cfRule type="endsWith" dxfId="134" priority="139" operator="endsWith" text="給付金">
      <formula>RIGHT(B276,LEN("給付金"))="給付金"</formula>
    </cfRule>
    <cfRule type="endsWith" dxfId="133" priority="140" operator="endsWith" text="障害福祉">
      <formula>RIGHT(B276,LEN("障害福祉"))="障害福祉"</formula>
    </cfRule>
  </conditionalFormatting>
  <conditionalFormatting sqref="B699:I701 D702 F702 H702 B704:I705 B702:B703">
    <cfRule type="endsWith" dxfId="132" priority="127" operator="endsWith" text="教育">
      <formula>RIGHT(B699,LEN("教育"))="教育"</formula>
    </cfRule>
    <cfRule type="endsWith" dxfId="131" priority="128" operator="endsWith" text="保健">
      <formula>RIGHT(B699,LEN("保健"))="保健"</formula>
    </cfRule>
    <cfRule type="endsWith" dxfId="130" priority="129" operator="endsWith" text="その他">
      <formula>RIGHT(B699,LEN("その他"))="その他"</formula>
    </cfRule>
    <cfRule type="endsWith" dxfId="129" priority="130" operator="endsWith" text="保育">
      <formula>RIGHT(B699,LEN("保育"))="保育"</formula>
    </cfRule>
    <cfRule type="endsWith" dxfId="128" priority="131" operator="endsWith" text="相談">
      <formula>RIGHT(B699,LEN("相談"))="相談"</formula>
    </cfRule>
    <cfRule type="endsWith" dxfId="127" priority="132" operator="endsWith" text="給付金">
      <formula>RIGHT(B699,LEN("給付金"))="給付金"</formula>
    </cfRule>
    <cfRule type="endsWith" dxfId="126" priority="133" operator="endsWith" text="障害福祉">
      <formula>RIGHT(B699,LEN("障害福祉"))="障害福祉"</formula>
    </cfRule>
  </conditionalFormatting>
  <conditionalFormatting sqref="B654:I656 D657 F657 H657 B659:I660 B657:B658">
    <cfRule type="endsWith" dxfId="125" priority="120" operator="endsWith" text="教育">
      <formula>RIGHT(B654,LEN("教育"))="教育"</formula>
    </cfRule>
    <cfRule type="endsWith" dxfId="124" priority="121" operator="endsWith" text="保健">
      <formula>RIGHT(B654,LEN("保健"))="保健"</formula>
    </cfRule>
    <cfRule type="endsWith" dxfId="123" priority="122" operator="endsWith" text="その他">
      <formula>RIGHT(B654,LEN("その他"))="その他"</formula>
    </cfRule>
    <cfRule type="endsWith" dxfId="122" priority="123" operator="endsWith" text="保育">
      <formula>RIGHT(B654,LEN("保育"))="保育"</formula>
    </cfRule>
    <cfRule type="endsWith" dxfId="121" priority="124" operator="endsWith" text="相談">
      <formula>RIGHT(B654,LEN("相談"))="相談"</formula>
    </cfRule>
    <cfRule type="endsWith" dxfId="120" priority="125" operator="endsWith" text="給付金">
      <formula>RIGHT(B654,LEN("給付金"))="給付金"</formula>
    </cfRule>
    <cfRule type="endsWith" dxfId="119" priority="126" operator="endsWith" text="障害福祉">
      <formula>RIGHT(B654,LEN("障害福祉"))="障害福祉"</formula>
    </cfRule>
  </conditionalFormatting>
  <conditionalFormatting sqref="B663:I665 D666 F666 H666 B668:I669 B666:B667">
    <cfRule type="endsWith" dxfId="118" priority="113" operator="endsWith" text="教育">
      <formula>RIGHT(B663,LEN("教育"))="教育"</formula>
    </cfRule>
    <cfRule type="endsWith" dxfId="117" priority="114" operator="endsWith" text="保健">
      <formula>RIGHT(B663,LEN("保健"))="保健"</formula>
    </cfRule>
    <cfRule type="endsWith" dxfId="116" priority="115" operator="endsWith" text="その他">
      <formula>RIGHT(B663,LEN("その他"))="その他"</formula>
    </cfRule>
    <cfRule type="endsWith" dxfId="115" priority="116" operator="endsWith" text="保育">
      <formula>RIGHT(B663,LEN("保育"))="保育"</formula>
    </cfRule>
    <cfRule type="endsWith" dxfId="114" priority="117" operator="endsWith" text="相談">
      <formula>RIGHT(B663,LEN("相談"))="相談"</formula>
    </cfRule>
    <cfRule type="endsWith" dxfId="113" priority="118" operator="endsWith" text="給付金">
      <formula>RIGHT(B663,LEN("給付金"))="給付金"</formula>
    </cfRule>
    <cfRule type="endsWith" dxfId="112" priority="119" operator="endsWith" text="障害福祉">
      <formula>RIGHT(B663,LEN("障害福祉"))="障害福祉"</formula>
    </cfRule>
  </conditionalFormatting>
  <conditionalFormatting sqref="B681:I683 D684 F684 H684 B686:I687 B684:B685">
    <cfRule type="endsWith" dxfId="111" priority="106" operator="endsWith" text="教育">
      <formula>RIGHT(B681,LEN("教育"))="教育"</formula>
    </cfRule>
    <cfRule type="endsWith" dxfId="110" priority="107" operator="endsWith" text="保健">
      <formula>RIGHT(B681,LEN("保健"))="保健"</formula>
    </cfRule>
    <cfRule type="endsWith" dxfId="109" priority="108" operator="endsWith" text="その他">
      <formula>RIGHT(B681,LEN("その他"))="その他"</formula>
    </cfRule>
    <cfRule type="endsWith" dxfId="108" priority="109" operator="endsWith" text="保育">
      <formula>RIGHT(B681,LEN("保育"))="保育"</formula>
    </cfRule>
    <cfRule type="endsWith" dxfId="107" priority="110" operator="endsWith" text="相談">
      <formula>RIGHT(B681,LEN("相談"))="相談"</formula>
    </cfRule>
    <cfRule type="endsWith" dxfId="106" priority="111" operator="endsWith" text="給付金">
      <formula>RIGHT(B681,LEN("給付金"))="給付金"</formula>
    </cfRule>
    <cfRule type="endsWith" dxfId="105" priority="112" operator="endsWith" text="障害福祉">
      <formula>RIGHT(B681,LEN("障害福祉"))="障害福祉"</formula>
    </cfRule>
  </conditionalFormatting>
  <conditionalFormatting sqref="B1036:C1037 B1038">
    <cfRule type="endsWith" dxfId="104" priority="99" operator="endsWith" text="教育">
      <formula>RIGHT(B1036,LEN("教育"))="教育"</formula>
    </cfRule>
    <cfRule type="endsWith" dxfId="103" priority="100" operator="endsWith" text="保健">
      <formula>RIGHT(B1036,LEN("保健"))="保健"</formula>
    </cfRule>
    <cfRule type="endsWith" dxfId="102" priority="101" operator="endsWith" text="その他">
      <formula>RIGHT(B1036,LEN("その他"))="その他"</formula>
    </cfRule>
    <cfRule type="endsWith" dxfId="101" priority="102" operator="endsWith" text="保育">
      <formula>RIGHT(B1036,LEN("保育"))="保育"</formula>
    </cfRule>
    <cfRule type="endsWith" dxfId="100" priority="103" operator="endsWith" text="相談">
      <formula>RIGHT(B1036,LEN("相談"))="相談"</formula>
    </cfRule>
    <cfRule type="endsWith" dxfId="99" priority="104" operator="endsWith" text="給付金">
      <formula>RIGHT(B1036,LEN("給付金"))="給付金"</formula>
    </cfRule>
    <cfRule type="endsWith" dxfId="98" priority="105" operator="endsWith" text="障害福祉">
      <formula>RIGHT(B1036,LEN("障害福祉"))="障害福祉"</formula>
    </cfRule>
  </conditionalFormatting>
  <conditionalFormatting sqref="D1728 D1726:E1727">
    <cfRule type="endsWith" dxfId="97" priority="92" operator="endsWith" text="教育">
      <formula>RIGHT(D1726,LEN("教育"))="教育"</formula>
    </cfRule>
    <cfRule type="endsWith" dxfId="96" priority="93" operator="endsWith" text="保健">
      <formula>RIGHT(D1726,LEN("保健"))="保健"</formula>
    </cfRule>
    <cfRule type="endsWith" dxfId="95" priority="94" operator="endsWith" text="その他">
      <formula>RIGHT(D1726,LEN("その他"))="その他"</formula>
    </cfRule>
    <cfRule type="endsWith" dxfId="94" priority="95" operator="endsWith" text="保育">
      <formula>RIGHT(D1726,LEN("保育"))="保育"</formula>
    </cfRule>
    <cfRule type="endsWith" dxfId="93" priority="96" operator="endsWith" text="相談">
      <formula>RIGHT(D1726,LEN("相談"))="相談"</formula>
    </cfRule>
    <cfRule type="endsWith" dxfId="92" priority="97" operator="endsWith" text="給付金">
      <formula>RIGHT(D1726,LEN("給付金"))="給付金"</formula>
    </cfRule>
    <cfRule type="endsWith" dxfId="91" priority="98" operator="endsWith" text="障害福祉">
      <formula>RIGHT(D1726,LEN("障害福祉"))="障害福祉"</formula>
    </cfRule>
  </conditionalFormatting>
  <conditionalFormatting sqref="F1728">
    <cfRule type="endsWith" dxfId="90" priority="85" operator="endsWith" text="教育">
      <formula>RIGHT(F1728,LEN("教育"))="教育"</formula>
    </cfRule>
    <cfRule type="endsWith" dxfId="89" priority="86" operator="endsWith" text="保健">
      <formula>RIGHT(F1728,LEN("保健"))="保健"</formula>
    </cfRule>
    <cfRule type="endsWith" dxfId="88" priority="87" operator="endsWith" text="その他">
      <formula>RIGHT(F1728,LEN("その他"))="その他"</formula>
    </cfRule>
    <cfRule type="endsWith" dxfId="87" priority="88" operator="endsWith" text="保育">
      <formula>RIGHT(F1728,LEN("保育"))="保育"</formula>
    </cfRule>
    <cfRule type="endsWith" dxfId="86" priority="89" operator="endsWith" text="相談">
      <formula>RIGHT(F1728,LEN("相談"))="相談"</formula>
    </cfRule>
    <cfRule type="endsWith" dxfId="85" priority="90" operator="endsWith" text="給付金">
      <formula>RIGHT(F1728,LEN("給付金"))="給付金"</formula>
    </cfRule>
    <cfRule type="endsWith" dxfId="84" priority="91" operator="endsWith" text="障害福祉">
      <formula>RIGHT(F1728,LEN("障害福祉"))="障害福祉"</formula>
    </cfRule>
  </conditionalFormatting>
  <conditionalFormatting sqref="B377:I379 D380 F380 H380 B381 B382:I383">
    <cfRule type="endsWith" dxfId="83" priority="78" operator="endsWith" text="教育">
      <formula>RIGHT(B377,LEN("教育"))="教育"</formula>
    </cfRule>
    <cfRule type="endsWith" dxfId="82" priority="79" operator="endsWith" text="保健">
      <formula>RIGHT(B377,LEN("保健"))="保健"</formula>
    </cfRule>
    <cfRule type="endsWith" dxfId="81" priority="80" operator="endsWith" text="その他">
      <formula>RIGHT(B377,LEN("その他"))="その他"</formula>
    </cfRule>
    <cfRule type="endsWith" dxfId="80" priority="81" operator="endsWith" text="保育">
      <formula>RIGHT(B377,LEN("保育"))="保育"</formula>
    </cfRule>
    <cfRule type="endsWith" dxfId="79" priority="82" operator="endsWith" text="相談">
      <formula>RIGHT(B377,LEN("相談"))="相談"</formula>
    </cfRule>
    <cfRule type="endsWith" dxfId="78" priority="83" operator="endsWith" text="給付金">
      <formula>RIGHT(B377,LEN("給付金"))="給付金"</formula>
    </cfRule>
    <cfRule type="endsWith" dxfId="77" priority="84" operator="endsWith" text="障害福祉">
      <formula>RIGHT(B377,LEN("障害福祉"))="障害福祉"</formula>
    </cfRule>
  </conditionalFormatting>
  <conditionalFormatting sqref="B380">
    <cfRule type="endsWith" dxfId="76" priority="71" operator="endsWith" text="教育">
      <formula>RIGHT(B380,LEN("教育"))="教育"</formula>
    </cfRule>
    <cfRule type="endsWith" dxfId="75" priority="72" operator="endsWith" text="保健">
      <formula>RIGHT(B380,LEN("保健"))="保健"</formula>
    </cfRule>
    <cfRule type="endsWith" dxfId="74" priority="73" operator="endsWith" text="その他">
      <formula>RIGHT(B380,LEN("その他"))="その他"</formula>
    </cfRule>
    <cfRule type="endsWith" dxfId="73" priority="74" operator="endsWith" text="保育">
      <formula>RIGHT(B380,LEN("保育"))="保育"</formula>
    </cfRule>
    <cfRule type="endsWith" dxfId="72" priority="75" operator="endsWith" text="相談">
      <formula>RIGHT(B380,LEN("相談"))="相談"</formula>
    </cfRule>
    <cfRule type="endsWith" dxfId="71" priority="76" operator="endsWith" text="給付金">
      <formula>RIGHT(B380,LEN("給付金"))="給付金"</formula>
    </cfRule>
    <cfRule type="endsWith" dxfId="70" priority="77" operator="endsWith" text="障害福祉">
      <formula>RIGHT(B380,LEN("障害福祉"))="障害福祉"</formula>
    </cfRule>
  </conditionalFormatting>
  <conditionalFormatting sqref="D389 F389 H389 B391:I392 B389:B390 B386:I388">
    <cfRule type="endsWith" dxfId="69" priority="64" operator="endsWith" text="教育">
      <formula>RIGHT(B386,LEN("教育"))="教育"</formula>
    </cfRule>
    <cfRule type="endsWith" dxfId="68" priority="65" operator="endsWith" text="保健">
      <formula>RIGHT(B386,LEN("保健"))="保健"</formula>
    </cfRule>
    <cfRule type="endsWith" dxfId="67" priority="66" operator="endsWith" text="その他">
      <formula>RIGHT(B386,LEN("その他"))="その他"</formula>
    </cfRule>
    <cfRule type="endsWith" dxfId="66" priority="67" operator="endsWith" text="保育">
      <formula>RIGHT(B386,LEN("保育"))="保育"</formula>
    </cfRule>
    <cfRule type="endsWith" dxfId="65" priority="68" operator="endsWith" text="相談">
      <formula>RIGHT(B386,LEN("相談"))="相談"</formula>
    </cfRule>
    <cfRule type="endsWith" dxfId="64" priority="69" operator="endsWith" text="給付金">
      <formula>RIGHT(B386,LEN("給付金"))="給付金"</formula>
    </cfRule>
    <cfRule type="endsWith" dxfId="63" priority="70" operator="endsWith" text="障害福祉">
      <formula>RIGHT(B386,LEN("障害福祉"))="障害福祉"</formula>
    </cfRule>
  </conditionalFormatting>
  <conditionalFormatting sqref="B395:I397 D398 F398 H398 B400:I401 B398:B399">
    <cfRule type="endsWith" dxfId="62" priority="57" operator="endsWith" text="教育">
      <formula>RIGHT(B395,LEN("教育"))="教育"</formula>
    </cfRule>
    <cfRule type="endsWith" dxfId="61" priority="58" operator="endsWith" text="保健">
      <formula>RIGHT(B395,LEN("保健"))="保健"</formula>
    </cfRule>
    <cfRule type="endsWith" dxfId="60" priority="59" operator="endsWith" text="その他">
      <formula>RIGHT(B395,LEN("その他"))="その他"</formula>
    </cfRule>
    <cfRule type="endsWith" dxfId="59" priority="60" operator="endsWith" text="保育">
      <formula>RIGHT(B395,LEN("保育"))="保育"</formula>
    </cfRule>
    <cfRule type="endsWith" dxfId="58" priority="61" operator="endsWith" text="相談">
      <formula>RIGHT(B395,LEN("相談"))="相談"</formula>
    </cfRule>
    <cfRule type="endsWith" dxfId="57" priority="62" operator="endsWith" text="給付金">
      <formula>RIGHT(B395,LEN("給付金"))="給付金"</formula>
    </cfRule>
    <cfRule type="endsWith" dxfId="56" priority="63" operator="endsWith" text="障害福祉">
      <formula>RIGHT(B395,LEN("障害福祉"))="障害福祉"</formula>
    </cfRule>
  </conditionalFormatting>
  <conditionalFormatting sqref="B404:I406 D407 F407 H407 B409:I410 B407:B408">
    <cfRule type="endsWith" dxfId="55" priority="50" operator="endsWith" text="教育">
      <formula>RIGHT(B404,LEN("教育"))="教育"</formula>
    </cfRule>
    <cfRule type="endsWith" dxfId="54" priority="51" operator="endsWith" text="保健">
      <formula>RIGHT(B404,LEN("保健"))="保健"</formula>
    </cfRule>
    <cfRule type="endsWith" dxfId="53" priority="52" operator="endsWith" text="その他">
      <formula>RIGHT(B404,LEN("その他"))="その他"</formula>
    </cfRule>
    <cfRule type="endsWith" dxfId="52" priority="53" operator="endsWith" text="保育">
      <formula>RIGHT(B404,LEN("保育"))="保育"</formula>
    </cfRule>
    <cfRule type="endsWith" dxfId="51" priority="54" operator="endsWith" text="相談">
      <formula>RIGHT(B404,LEN("相談"))="相談"</formula>
    </cfRule>
    <cfRule type="endsWith" dxfId="50" priority="55" operator="endsWith" text="給付金">
      <formula>RIGHT(B404,LEN("給付金"))="給付金"</formula>
    </cfRule>
    <cfRule type="endsWith" dxfId="49" priority="56" operator="endsWith" text="障害福祉">
      <formula>RIGHT(B404,LEN("障害福祉"))="障害福祉"</formula>
    </cfRule>
  </conditionalFormatting>
  <conditionalFormatting sqref="B418:I420 D421 F421 H421 B423:I424 B421:B422">
    <cfRule type="endsWith" dxfId="48" priority="43" operator="endsWith" text="教育">
      <formula>RIGHT(B418,LEN("教育"))="教育"</formula>
    </cfRule>
    <cfRule type="endsWith" dxfId="47" priority="44" operator="endsWith" text="保健">
      <formula>RIGHT(B418,LEN("保健"))="保健"</formula>
    </cfRule>
    <cfRule type="endsWith" dxfId="46" priority="45" operator="endsWith" text="その他">
      <formula>RIGHT(B418,LEN("その他"))="その他"</formula>
    </cfRule>
    <cfRule type="endsWith" dxfId="45" priority="46" operator="endsWith" text="保育">
      <formula>RIGHT(B418,LEN("保育"))="保育"</formula>
    </cfRule>
    <cfRule type="endsWith" dxfId="44" priority="47" operator="endsWith" text="相談">
      <formula>RIGHT(B418,LEN("相談"))="相談"</formula>
    </cfRule>
    <cfRule type="endsWith" dxfId="43" priority="48" operator="endsWith" text="給付金">
      <formula>RIGHT(B418,LEN("給付金"))="給付金"</formula>
    </cfRule>
    <cfRule type="endsWith" dxfId="42" priority="49" operator="endsWith" text="障害福祉">
      <formula>RIGHT(B418,LEN("障害福祉"))="障害福祉"</formula>
    </cfRule>
  </conditionalFormatting>
  <conditionalFormatting sqref="B337:I339 D340 F340 H340 B342:I343 B340:B341">
    <cfRule type="endsWith" dxfId="41" priority="36" operator="endsWith" text="教育">
      <formula>RIGHT(B337,LEN("教育"))="教育"</formula>
    </cfRule>
    <cfRule type="endsWith" dxfId="40" priority="37" operator="endsWith" text="保健">
      <formula>RIGHT(B337,LEN("保健"))="保健"</formula>
    </cfRule>
    <cfRule type="endsWith" dxfId="39" priority="38" operator="endsWith" text="その他">
      <formula>RIGHT(B337,LEN("その他"))="その他"</formula>
    </cfRule>
    <cfRule type="endsWith" dxfId="38" priority="39" operator="endsWith" text="保育">
      <formula>RIGHT(B337,LEN("保育"))="保育"</formula>
    </cfRule>
    <cfRule type="endsWith" dxfId="37" priority="40" operator="endsWith" text="相談">
      <formula>RIGHT(B337,LEN("相談"))="相談"</formula>
    </cfRule>
    <cfRule type="endsWith" dxfId="36" priority="41" operator="endsWith" text="給付金">
      <formula>RIGHT(B337,LEN("給付金"))="給付金"</formula>
    </cfRule>
    <cfRule type="endsWith" dxfId="35" priority="42" operator="endsWith" text="障害福祉">
      <formula>RIGHT(B337,LEN("障害福祉"))="障害福祉"</formula>
    </cfRule>
  </conditionalFormatting>
  <conditionalFormatting sqref="B1525:I1527 D1528 F1528 H1528 B1530:I1531 B1528:B1529">
    <cfRule type="endsWith" dxfId="34" priority="29" operator="endsWith" text="教育">
      <formula>RIGHT(B1525,LEN("教育"))="教育"</formula>
    </cfRule>
    <cfRule type="endsWith" dxfId="33" priority="30" operator="endsWith" text="保健">
      <formula>RIGHT(B1525,LEN("保健"))="保健"</formula>
    </cfRule>
    <cfRule type="endsWith" dxfId="32" priority="31" operator="endsWith" text="その他">
      <formula>RIGHT(B1525,LEN("その他"))="その他"</formula>
    </cfRule>
    <cfRule type="endsWith" dxfId="31" priority="32" operator="endsWith" text="保育">
      <formula>RIGHT(B1525,LEN("保育"))="保育"</formula>
    </cfRule>
    <cfRule type="endsWith" dxfId="30" priority="33" operator="endsWith" text="相談">
      <formula>RIGHT(B1525,LEN("相談"))="相談"</formula>
    </cfRule>
    <cfRule type="endsWith" dxfId="29" priority="34" operator="endsWith" text="給付金">
      <formula>RIGHT(B1525,LEN("給付金"))="給付金"</formula>
    </cfRule>
    <cfRule type="endsWith" dxfId="28" priority="35" operator="endsWith" text="障害福祉">
      <formula>RIGHT(B1525,LEN("障害福祉"))="障害福祉"</formula>
    </cfRule>
  </conditionalFormatting>
  <conditionalFormatting sqref="B1489:I1491 D1492 F1492 H1492 B1494:I1495 B1492:B1493">
    <cfRule type="endsWith" dxfId="27" priority="22" operator="endsWith" text="教育">
      <formula>RIGHT(B1489,LEN("教育"))="教育"</formula>
    </cfRule>
    <cfRule type="endsWith" dxfId="26" priority="23" operator="endsWith" text="保健">
      <formula>RIGHT(B1489,LEN("保健"))="保健"</formula>
    </cfRule>
    <cfRule type="endsWith" dxfId="25" priority="24" operator="endsWith" text="その他">
      <formula>RIGHT(B1489,LEN("その他"))="その他"</formula>
    </cfRule>
    <cfRule type="endsWith" dxfId="24" priority="25" operator="endsWith" text="保育">
      <formula>RIGHT(B1489,LEN("保育"))="保育"</formula>
    </cfRule>
    <cfRule type="endsWith" dxfId="23" priority="26" operator="endsWith" text="相談">
      <formula>RIGHT(B1489,LEN("相談"))="相談"</formula>
    </cfRule>
    <cfRule type="endsWith" dxfId="22" priority="27" operator="endsWith" text="給付金">
      <formula>RIGHT(B1489,LEN("給付金"))="給付金"</formula>
    </cfRule>
    <cfRule type="endsWith" dxfId="21" priority="28" operator="endsWith" text="障害福祉">
      <formula>RIGHT(B1489,LEN("障害福祉"))="障害福祉"</formula>
    </cfRule>
  </conditionalFormatting>
  <conditionalFormatting sqref="B1516:I1518 D1519 F1519 H1519 B1521:I1522 B1519:B1520">
    <cfRule type="endsWith" dxfId="20" priority="15" operator="endsWith" text="教育">
      <formula>RIGHT(B1516,LEN("教育"))="教育"</formula>
    </cfRule>
    <cfRule type="endsWith" dxfId="19" priority="16" operator="endsWith" text="保健">
      <formula>RIGHT(B1516,LEN("保健"))="保健"</formula>
    </cfRule>
    <cfRule type="endsWith" dxfId="18" priority="17" operator="endsWith" text="その他">
      <formula>RIGHT(B1516,LEN("その他"))="その他"</formula>
    </cfRule>
    <cfRule type="endsWith" dxfId="17" priority="18" operator="endsWith" text="保育">
      <formula>RIGHT(B1516,LEN("保育"))="保育"</formula>
    </cfRule>
    <cfRule type="endsWith" dxfId="16" priority="19" operator="endsWith" text="相談">
      <formula>RIGHT(B1516,LEN("相談"))="相談"</formula>
    </cfRule>
    <cfRule type="endsWith" dxfId="15" priority="20" operator="endsWith" text="給付金">
      <formula>RIGHT(B1516,LEN("給付金"))="給付金"</formula>
    </cfRule>
    <cfRule type="endsWith" dxfId="14" priority="21" operator="endsWith" text="障害福祉">
      <formula>RIGHT(B1516,LEN("障害福祉"))="障害福祉"</formula>
    </cfRule>
  </conditionalFormatting>
  <conditionalFormatting sqref="B281 D281 F281 H281 B280:I280 D283 F283 H283 B283:B284">
    <cfRule type="endsWith" dxfId="13" priority="8" operator="endsWith" text="教育">
      <formula>RIGHT(B280,LEN("教育"))="教育"</formula>
    </cfRule>
    <cfRule type="endsWith" dxfId="12" priority="9" operator="endsWith" text="保健">
      <formula>RIGHT(B280,LEN("保健"))="保健"</formula>
    </cfRule>
    <cfRule type="endsWith" dxfId="11" priority="10" operator="endsWith" text="その他">
      <formula>RIGHT(B280,LEN("その他"))="その他"</formula>
    </cfRule>
    <cfRule type="endsWith" dxfId="10" priority="11" operator="endsWith" text="保育">
      <formula>RIGHT(B280,LEN("保育"))="保育"</formula>
    </cfRule>
    <cfRule type="endsWith" dxfId="9" priority="12" operator="endsWith" text="相談">
      <formula>RIGHT(B280,LEN("相談"))="相談"</formula>
    </cfRule>
    <cfRule type="endsWith" dxfId="8" priority="13" operator="endsWith" text="給付金">
      <formula>RIGHT(B280,LEN("給付金"))="給付金"</formula>
    </cfRule>
    <cfRule type="endsWith" dxfId="7" priority="14" operator="endsWith" text="障害福祉">
      <formula>RIGHT(B280,LEN("障害福祉"))="障害福祉"</formula>
    </cfRule>
  </conditionalFormatting>
  <conditionalFormatting sqref="B285:B286">
    <cfRule type="endsWith" dxfId="6" priority="1" operator="endsWith" text="教育">
      <formula>RIGHT(B285,LEN("教育"))="教育"</formula>
    </cfRule>
    <cfRule type="endsWith" dxfId="5" priority="2" operator="endsWith" text="保健">
      <formula>RIGHT(B285,LEN("保健"))="保健"</formula>
    </cfRule>
    <cfRule type="endsWith" dxfId="4" priority="3" operator="endsWith" text="その他">
      <formula>RIGHT(B285,LEN("その他"))="その他"</formula>
    </cfRule>
    <cfRule type="endsWith" dxfId="3" priority="4" operator="endsWith" text="保育">
      <formula>RIGHT(B285,LEN("保育"))="保育"</formula>
    </cfRule>
    <cfRule type="endsWith" dxfId="2" priority="5" operator="endsWith" text="相談">
      <formula>RIGHT(B285,LEN("相談"))="相談"</formula>
    </cfRule>
    <cfRule type="endsWith" dxfId="1" priority="6" operator="endsWith" text="給付金">
      <formula>RIGHT(B285,LEN("給付金"))="給付金"</formula>
    </cfRule>
    <cfRule type="endsWith" dxfId="0" priority="7" operator="endsWith" text="障害福祉">
      <formula>RIGHT(B285,LEN("障害福祉"))="障害福祉"</formula>
    </cfRule>
  </conditionalFormatting>
  <hyperlinks>
    <hyperlink ref="B187" r:id="rId1"/>
    <hyperlink ref="B541" r:id="rId2"/>
    <hyperlink ref="B550" r:id="rId3"/>
    <hyperlink ref="B718" r:id="rId4"/>
    <hyperlink ref="B727" r:id="rId5"/>
    <hyperlink ref="B836" r:id="rId6"/>
    <hyperlink ref="B845" r:id="rId7"/>
    <hyperlink ref="B854" r:id="rId8"/>
    <hyperlink ref="B863" r:id="rId9"/>
    <hyperlink ref="B904" r:id="rId10" display="http://www.city.hadano.kanagawa.jp/www/contents/1001000004234/index.html"/>
    <hyperlink ref="B895" r:id="rId11"/>
    <hyperlink ref="B1022" r:id="rId12"/>
    <hyperlink ref="B1081" r:id="rId13"/>
    <hyperlink ref="B1072" r:id="rId14"/>
    <hyperlink ref="B1090" r:id="rId15"/>
    <hyperlink ref="B1131" r:id="rId16"/>
    <hyperlink ref="B1140" r:id="rId17"/>
    <hyperlink ref="B1190" r:id="rId18"/>
    <hyperlink ref="B1199" r:id="rId19" display="http://www.city.zama.kanagawa.jp/www/job/1000000000088/index.html"/>
    <hyperlink ref="B1208" r:id="rId20" display="http://www.city.zama.kanagawa.jp/www/job/1000000000147/index.html"/>
    <hyperlink ref="B1249" r:id="rId21"/>
    <hyperlink ref="B1258" r:id="rId22"/>
    <hyperlink ref="B1308" r:id="rId23"/>
    <hyperlink ref="B1317" r:id="rId24"/>
    <hyperlink ref="B1426" r:id="rId25"/>
    <hyperlink ref="B1485" r:id="rId26"/>
    <hyperlink ref="B1503" r:id="rId27"/>
    <hyperlink ref="B1512" r:id="rId28"/>
    <hyperlink ref="B1553" r:id="rId29"/>
    <hyperlink ref="B1562" r:id="rId30"/>
    <hyperlink ref="B1603" r:id="rId31"/>
    <hyperlink ref="B1612" r:id="rId32"/>
    <hyperlink ref="B1671" r:id="rId33"/>
    <hyperlink ref="B1721" r:id="rId34"/>
    <hyperlink ref="B1780" r:id="rId35"/>
    <hyperlink ref="B1898" r:id="rId36"/>
    <hyperlink ref="B1907" r:id="rId37"/>
    <hyperlink ref="B1957" r:id="rId38"/>
    <hyperlink ref="B1966" r:id="rId39"/>
    <hyperlink ref="B2016" r:id="rId40"/>
    <hyperlink ref="B2025" r:id="rId41"/>
    <hyperlink ref="B1839" r:id="rId42"/>
    <hyperlink ref="B972" r:id="rId43"/>
    <hyperlink ref="B804" r:id="rId44"/>
    <hyperlink ref="B609" r:id="rId45"/>
    <hyperlink ref="B627" r:id="rId46"/>
    <hyperlink ref="B600" r:id="rId47"/>
    <hyperlink ref="B618" r:id="rId48"/>
    <hyperlink ref="B482" r:id="rId49"/>
    <hyperlink ref="B491" r:id="rId50"/>
    <hyperlink ref="B500" r:id="rId51"/>
    <hyperlink ref="B509" r:id="rId52"/>
    <hyperlink ref="B518" r:id="rId53"/>
    <hyperlink ref="B373" r:id="rId54"/>
    <hyperlink ref="B677" r:id="rId55" display="http://www.clover-odawara.org/index.html"/>
    <hyperlink ref="B777" r:id="rId56"/>
    <hyperlink ref="B786" r:id="rId57"/>
    <hyperlink ref="B795" r:id="rId58"/>
    <hyperlink ref="B813" r:id="rId59"/>
    <hyperlink ref="B954" r:id="rId60"/>
    <hyperlink ref="B963" r:id="rId61"/>
    <hyperlink ref="B981" r:id="rId62"/>
    <hyperlink ref="B1013" r:id="rId63"/>
    <hyperlink ref="B1435" r:id="rId64"/>
    <hyperlink ref="B2075" r:id="rId65"/>
    <hyperlink ref="B2084" r:id="rId66"/>
    <hyperlink ref="B2093" r:id="rId67"/>
    <hyperlink ref="B2134" r:id="rId68"/>
    <hyperlink ref="B2143" r:id="rId69"/>
    <hyperlink ref="B372" r:id="rId70"/>
    <hyperlink ref="B363" r:id="rId71"/>
    <hyperlink ref="B517" r:id="rId72"/>
    <hyperlink ref="B508" r:id="rId73"/>
    <hyperlink ref="B499" r:id="rId74"/>
    <hyperlink ref="B490" r:id="rId75"/>
    <hyperlink ref="B481" r:id="rId76"/>
    <hyperlink ref="B540" r:id="rId77"/>
    <hyperlink ref="B549" r:id="rId78"/>
    <hyperlink ref="B558" r:id="rId79"/>
    <hyperlink ref="B599" r:id="rId80"/>
    <hyperlink ref="B617" r:id="rId81"/>
    <hyperlink ref="B626" r:id="rId82"/>
    <hyperlink ref="B676" r:id="rId83"/>
    <hyperlink ref="B717" r:id="rId84"/>
    <hyperlink ref="B726" r:id="rId85"/>
    <hyperlink ref="B776" r:id="rId86"/>
    <hyperlink ref="B785" r:id="rId87"/>
    <hyperlink ref="B794" r:id="rId88"/>
    <hyperlink ref="B803" r:id="rId89"/>
    <hyperlink ref="B812" r:id="rId90"/>
    <hyperlink ref="B835" r:id="rId91"/>
    <hyperlink ref="B844" r:id="rId92"/>
    <hyperlink ref="B853" r:id="rId93"/>
    <hyperlink ref="B862" r:id="rId94"/>
    <hyperlink ref="B894" r:id="rId95"/>
    <hyperlink ref="B903" r:id="rId96"/>
    <hyperlink ref="B953" r:id="rId97"/>
    <hyperlink ref="B962" r:id="rId98" display="TEL:046-225-2201"/>
    <hyperlink ref="B971" r:id="rId99"/>
    <hyperlink ref="B980" r:id="rId100"/>
    <hyperlink ref="B1012" r:id="rId101"/>
    <hyperlink ref="B1021" r:id="rId102"/>
    <hyperlink ref="B1071" r:id="rId103"/>
    <hyperlink ref="B1080" r:id="rId104"/>
    <hyperlink ref="B1089" r:id="rId105"/>
    <hyperlink ref="B608" r:id="rId106"/>
    <hyperlink ref="B1130" r:id="rId107"/>
    <hyperlink ref="B1139" r:id="rId108"/>
    <hyperlink ref="B1189" r:id="rId109"/>
    <hyperlink ref="B1198" r:id="rId110"/>
    <hyperlink ref="B1207" r:id="rId111"/>
    <hyperlink ref="B1248" r:id="rId112"/>
    <hyperlink ref="B1257" r:id="rId113"/>
    <hyperlink ref="B1307" r:id="rId114"/>
    <hyperlink ref="B1316" r:id="rId115"/>
    <hyperlink ref="B1366" r:id="rId116"/>
    <hyperlink ref="B1425" r:id="rId117"/>
    <hyperlink ref="B1434" r:id="rId118"/>
    <hyperlink ref="B1484" r:id="rId119"/>
    <hyperlink ref="B1502" r:id="rId120"/>
    <hyperlink ref="B1552" r:id="rId121"/>
    <hyperlink ref="B1561" r:id="rId122"/>
    <hyperlink ref="B1602" r:id="rId123"/>
    <hyperlink ref="B1611" r:id="rId124"/>
    <hyperlink ref="B1670" r:id="rId125" display="TEL:0465-83-8011"/>
    <hyperlink ref="B1729" r:id="rId126"/>
    <hyperlink ref="B1720" r:id="rId127"/>
    <hyperlink ref="B1730" r:id="rId128"/>
    <hyperlink ref="B1779" r:id="rId129"/>
    <hyperlink ref="B1838" r:id="rId130"/>
    <hyperlink ref="B1897" r:id="rId131"/>
    <hyperlink ref="B1906" r:id="rId132"/>
    <hyperlink ref="B1956" r:id="rId133"/>
    <hyperlink ref="B1965" r:id="rId134"/>
    <hyperlink ref="B2015" r:id="rId135"/>
    <hyperlink ref="B2024" r:id="rId136"/>
    <hyperlink ref="B2074" r:id="rId137"/>
    <hyperlink ref="B2083" r:id="rId138"/>
    <hyperlink ref="B2092" r:id="rId139"/>
    <hyperlink ref="B2133" r:id="rId140"/>
    <hyperlink ref="B2142" r:id="rId141"/>
    <hyperlink ref="B1511" r:id="rId142"/>
    <hyperlink ref="B146" r:id="rId143" display="http://www.city.sagamihara.kanagawa.jp/kurashi/kenko/1007567/index.html"/>
    <hyperlink ref="B1662" r:id="rId144"/>
    <hyperlink ref="B1661" r:id="rId145" display="TEL:0465-83-8011"/>
    <hyperlink ref="B1325" r:id="rId146"/>
    <hyperlink ref="B305" r:id="rId147"/>
    <hyperlink ref="B323" r:id="rId148"/>
    <hyperlink ref="B333" r:id="rId149"/>
    <hyperlink ref="B351" r:id="rId150"/>
    <hyperlink ref="F1080" r:id="rId151"/>
    <hyperlink ref="B2101" r:id="rId152" display="TEL:046-240-0393"/>
    <hyperlink ref="C69" r:id="rId153"/>
    <hyperlink ref="B314" r:id="rId154"/>
    <hyperlink ref="B364" r:id="rId155"/>
    <hyperlink ref="B1544" r:id="rId156"/>
    <hyperlink ref="B1543" r:id="rId157"/>
    <hyperlink ref="B2102" r:id="rId158"/>
    <hyperlink ref="B249" r:id="rId159"/>
    <hyperlink ref="B258" r:id="rId160"/>
    <hyperlink ref="B267" r:id="rId161" display="http://www.keins.city.kawasaki.jp/sodan/index.htmｌ"/>
    <hyperlink ref="B275" r:id="rId162"/>
    <hyperlink ref="B276" r:id="rId163" display="http://www.city.kawasaki.jp/kurashi/category/23-2-33-0-0-0-0-0-0-0.html"/>
    <hyperlink ref="B659" r:id="rId164"/>
    <hyperlink ref="B658" r:id="rId165"/>
    <hyperlink ref="B668" r:id="rId166"/>
    <hyperlink ref="B667" r:id="rId167" display="TEL:0465-47-0820"/>
    <hyperlink ref="B685" r:id="rId168"/>
    <hyperlink ref="B1031" r:id="rId169"/>
    <hyperlink ref="B1040" r:id="rId170" location="soudan"/>
    <hyperlink ref="B1375" r:id="rId171"/>
    <hyperlink ref="B1788" r:id="rId172"/>
    <hyperlink ref="B1789" r:id="rId173"/>
    <hyperlink ref="B382" r:id="rId174"/>
    <hyperlink ref="B381" r:id="rId175"/>
    <hyperlink ref="B391" r:id="rId176"/>
    <hyperlink ref="B390" r:id="rId177"/>
    <hyperlink ref="B400" r:id="rId178"/>
    <hyperlink ref="B399" r:id="rId179"/>
    <hyperlink ref="B409:I410" r:id="rId180" display="http://www.aoitori-y.jp/yokosuka-ryoiku/"/>
    <hyperlink ref="B408" r:id="rId181"/>
    <hyperlink ref="B559" r:id="rId182"/>
    <hyperlink ref="B567" r:id="rId183"/>
    <hyperlink ref="B576" r:id="rId184"/>
    <hyperlink ref="B585" r:id="rId185"/>
    <hyperlink ref="B342" r:id="rId186"/>
    <hyperlink ref="B341" r:id="rId187"/>
    <hyperlink ref="B1493" r:id="rId188" display="TEL:0463-71-3377"/>
    <hyperlink ref="B1494" r:id="rId189"/>
    <hyperlink ref="B1521" r:id="rId190"/>
    <hyperlink ref="B1520" r:id="rId191"/>
    <hyperlink ref="B284" r:id="rId192" display="TEL:044-200-3796"/>
    <hyperlink ref="B285" r:id="rId193"/>
    <hyperlink ref="B735" r:id="rId194"/>
    <hyperlink ref="B736" r:id="rId195"/>
    <hyperlink ref="B744" r:id="rId196"/>
    <hyperlink ref="B745" r:id="rId197"/>
  </hyperlinks>
  <printOptions horizontalCentered="1"/>
  <pageMargins left="0.98425196850393704" right="0.98425196850393704" top="0.74803149606299213" bottom="0.74803149606299213" header="0.31496062992125984" footer="0.31496062992125984"/>
  <pageSetup paperSize="9" orientation="portrait" cellComments="asDisplayed" r:id="rId198"/>
  <headerFooter differentFirst="1">
    <oddFooter>&amp;C&amp;P</oddFooter>
  </headerFooter>
  <drawing r:id="rId199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全体版</vt:lpstr>
      <vt:lpstr>全体版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27T04:50:51Z</cp:lastPrinted>
  <dcterms:created xsi:type="dcterms:W3CDTF">2020-05-15T04:35:24Z</dcterms:created>
  <dcterms:modified xsi:type="dcterms:W3CDTF">2022-06-27T04:51:30Z</dcterms:modified>
</cp:coreProperties>
</file>